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J:\s1\管理係\04_厚生\05_介護保険\05_事業者\0110_地域介護・福祉空間整備等施設整備交付金\R6一次協議\要望調査\HP掲載用\"/>
    </mc:Choice>
  </mc:AlternateContent>
  <bookViews>
    <workbookView xWindow="28680" yWindow="0" windowWidth="29040" windowHeight="15840" tabRatio="913"/>
  </bookViews>
  <sheets>
    <sheet name="防災改修（耐震化) " sheetId="26" r:id="rId1"/>
    <sheet name="防災改修（大規模修繕) " sheetId="28" r:id="rId2"/>
    <sheet name="防災改修（自家発)" sheetId="29" r:id="rId3"/>
    <sheet name="防災改修 (水害対策事業)" sheetId="10" r:id="rId4"/>
    <sheet name="水害対策（広域型）" sheetId="22" r:id="rId5"/>
    <sheet name="非常用自家発電" sheetId="19" r:id="rId6"/>
    <sheet name="社会福祉連携推進法人等による大規模修繕" sheetId="30" r:id="rId7"/>
    <sheet name="給水設備" sheetId="20" r:id="rId8"/>
    <sheet name="ブロック塀" sheetId="21" r:id="rId9"/>
    <sheet name="換気設備" sheetId="25" r:id="rId10"/>
  </sheets>
  <definedNames>
    <definedName name="_xlnm._FilterDatabase" localSheetId="8" hidden="1">ブロック塀!$A$1:$O$20</definedName>
    <definedName name="_xlnm._FilterDatabase" localSheetId="9" hidden="1">換気設備!$A$1:$N$20</definedName>
    <definedName name="_xlnm._FilterDatabase" localSheetId="7" hidden="1">給水設備!$A$1:$O$20</definedName>
    <definedName name="_xlnm._FilterDatabase" localSheetId="6" hidden="1">社会福祉連携推進法人等による大規模修繕!$A$1:$O$20</definedName>
    <definedName name="_xlnm._FilterDatabase" localSheetId="4" hidden="1">'水害対策（広域型）'!$A$1:$P$22</definedName>
    <definedName name="_xlnm._FilterDatabase" localSheetId="5" hidden="1">非常用自家発電!$A$1:$O$20</definedName>
    <definedName name="_xlnm._FilterDatabase" localSheetId="3" hidden="1">'防災改修 (水害対策事業)'!$A$1:$O$22</definedName>
    <definedName name="_xlnm._FilterDatabase" localSheetId="2" hidden="1">'防災改修（自家発)'!$A$1:$N$20</definedName>
    <definedName name="_xlnm._FilterDatabase" localSheetId="0" hidden="1">'防災改修（耐震化) '!$A$1:$N$20</definedName>
    <definedName name="_xlnm._FilterDatabase" localSheetId="1" hidden="1">'防災改修（大規模修繕) '!$A$1:$N$20</definedName>
    <definedName name="_xlnm.Print_Area" localSheetId="8">ブロック塀!$A$1:$X$23</definedName>
    <definedName name="_xlnm.Print_Area" localSheetId="9">換気設備!$A$1:$W$24</definedName>
    <definedName name="_xlnm.Print_Area" localSheetId="7">給水設備!$A$1:$AF$24</definedName>
    <definedName name="_xlnm.Print_Area" localSheetId="6">社会福祉連携推進法人等による大規模修繕!$A$1:$AC$24</definedName>
    <definedName name="_xlnm.Print_Area" localSheetId="4">'水害対策（広域型）'!$A$1:$BF$26</definedName>
    <definedName name="_xlnm.Print_Area" localSheetId="5">非常用自家発電!$A$1:$AI$24</definedName>
    <definedName name="_xlnm.Print_Area" localSheetId="3">'防災改修 (水害対策事業)'!$A$1:$BE$26</definedName>
    <definedName name="_xlnm.Print_Area" localSheetId="2">'防災改修（自家発)'!$A$1:$AH$25</definedName>
    <definedName name="_xlnm.Print_Area" localSheetId="0">'防災改修（耐震化) '!$A$1:$Z$24</definedName>
    <definedName name="_xlnm.Print_Area" localSheetId="1">'防災改修（大規模修繕) '!$A$1:$Z$2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T5" i="20" l="1"/>
  <c r="T6" i="20"/>
  <c r="T7" i="20"/>
  <c r="T8" i="20"/>
  <c r="T9" i="20"/>
  <c r="T10" i="20"/>
  <c r="T11" i="20"/>
  <c r="T12" i="20"/>
  <c r="T13" i="20"/>
  <c r="T14" i="20"/>
  <c r="T15" i="20"/>
  <c r="T16" i="20"/>
  <c r="T17" i="20"/>
  <c r="T18" i="20"/>
  <c r="T4" i="20"/>
  <c r="T5" i="30"/>
  <c r="T6" i="30"/>
  <c r="T7" i="30"/>
  <c r="T8" i="30"/>
  <c r="T9" i="30"/>
  <c r="T10" i="30"/>
  <c r="T11" i="30"/>
  <c r="T12" i="30"/>
  <c r="T13" i="30"/>
  <c r="T14" i="30"/>
  <c r="T15" i="30"/>
  <c r="T16" i="30"/>
  <c r="T17" i="30"/>
  <c r="T18" i="30"/>
  <c r="T4" i="30"/>
  <c r="T5" i="19"/>
  <c r="T6" i="19"/>
  <c r="T7" i="19"/>
  <c r="T8" i="19"/>
  <c r="T9" i="19"/>
  <c r="T10" i="19"/>
  <c r="T11" i="19"/>
  <c r="T12" i="19"/>
  <c r="T13" i="19"/>
  <c r="T14" i="19"/>
  <c r="T15" i="19"/>
  <c r="T16" i="19"/>
  <c r="T17" i="19"/>
  <c r="T18" i="19"/>
  <c r="T4" i="19"/>
  <c r="S5" i="29"/>
  <c r="S6" i="29"/>
  <c r="S7" i="29"/>
  <c r="S8" i="29"/>
  <c r="S9" i="29"/>
  <c r="S10" i="29"/>
  <c r="S11" i="29"/>
  <c r="S12" i="29"/>
  <c r="S13" i="29"/>
  <c r="S14" i="29"/>
  <c r="S15" i="29"/>
  <c r="S16" i="29"/>
  <c r="S17" i="29"/>
  <c r="S18" i="29"/>
  <c r="S4" i="29"/>
  <c r="S5" i="28"/>
  <c r="S6" i="28"/>
  <c r="S7" i="28"/>
  <c r="S8" i="28"/>
  <c r="S9" i="28"/>
  <c r="S10" i="28"/>
  <c r="S11" i="28"/>
  <c r="S12" i="28"/>
  <c r="S13" i="28"/>
  <c r="S14" i="28"/>
  <c r="S15" i="28"/>
  <c r="S16" i="28"/>
  <c r="S17" i="28"/>
  <c r="S18" i="28"/>
  <c r="S4" i="28"/>
  <c r="D18" i="30"/>
  <c r="D17" i="30"/>
  <c r="D16" i="30"/>
  <c r="D15" i="30"/>
  <c r="D14" i="30"/>
  <c r="D13" i="30"/>
  <c r="D12" i="30"/>
  <c r="D11" i="30"/>
  <c r="D10" i="30"/>
  <c r="D9" i="30"/>
  <c r="D8" i="30"/>
  <c r="D7" i="30"/>
  <c r="D6" i="30"/>
  <c r="D5" i="30"/>
  <c r="D4" i="30"/>
  <c r="S4" i="26"/>
  <c r="S5" i="26" l="1"/>
  <c r="S6" i="26"/>
  <c r="S7" i="26"/>
  <c r="S8" i="26"/>
  <c r="S9" i="26"/>
  <c r="S10" i="26"/>
  <c r="S11" i="26"/>
  <c r="S12" i="26"/>
  <c r="S13" i="26"/>
  <c r="S14" i="26"/>
  <c r="S15" i="26"/>
  <c r="S16" i="26"/>
  <c r="S17" i="26"/>
  <c r="S18" i="26"/>
  <c r="D18" i="29" l="1"/>
  <c r="D17" i="29"/>
  <c r="D16" i="29"/>
  <c r="D15" i="29"/>
  <c r="D14" i="29"/>
  <c r="D13" i="29"/>
  <c r="D12" i="29"/>
  <c r="D11" i="29"/>
  <c r="D10" i="29"/>
  <c r="D9" i="29"/>
  <c r="D8" i="29"/>
  <c r="D7" i="29"/>
  <c r="D6" i="29"/>
  <c r="D5" i="29"/>
  <c r="D4" i="29"/>
  <c r="D18" i="28"/>
  <c r="D17" i="28"/>
  <c r="D16" i="28"/>
  <c r="D15" i="28"/>
  <c r="D14" i="28"/>
  <c r="D13" i="28"/>
  <c r="D12" i="28"/>
  <c r="D11" i="28"/>
  <c r="D10" i="28"/>
  <c r="D9" i="28"/>
  <c r="D8" i="28"/>
  <c r="D7" i="28"/>
  <c r="D6" i="28"/>
  <c r="D5" i="28"/>
  <c r="D4" i="28"/>
  <c r="D18" i="26"/>
  <c r="D17" i="26"/>
  <c r="D16" i="26"/>
  <c r="D15" i="26"/>
  <c r="D14" i="26"/>
  <c r="D13" i="26"/>
  <c r="D12" i="26"/>
  <c r="D11" i="26"/>
  <c r="D10" i="26"/>
  <c r="D9" i="26"/>
  <c r="D8" i="26"/>
  <c r="D7" i="26"/>
  <c r="D6" i="26"/>
  <c r="D5" i="26"/>
  <c r="D4" i="26"/>
  <c r="D18" i="25" l="1"/>
  <c r="D17" i="25"/>
  <c r="D16" i="25"/>
  <c r="D15" i="25"/>
  <c r="D14" i="25"/>
  <c r="D13" i="25"/>
  <c r="D12" i="25"/>
  <c r="D11" i="25"/>
  <c r="D10" i="25"/>
  <c r="D9" i="25"/>
  <c r="D8" i="25"/>
  <c r="D7" i="25"/>
  <c r="D6" i="25"/>
  <c r="D5" i="25"/>
  <c r="D4" i="25"/>
  <c r="D20" i="22" l="1"/>
  <c r="D19" i="22"/>
  <c r="D18" i="22"/>
  <c r="D17" i="22"/>
  <c r="D16" i="22"/>
  <c r="D15" i="22"/>
  <c r="D14" i="22"/>
  <c r="D13" i="22"/>
  <c r="D12" i="22"/>
  <c r="D11" i="22"/>
  <c r="D10" i="22"/>
  <c r="D9" i="22"/>
  <c r="D8" i="22"/>
  <c r="D7" i="22"/>
  <c r="D6" i="22"/>
  <c r="D18" i="21"/>
  <c r="D17" i="21"/>
  <c r="D16" i="21"/>
  <c r="D15" i="21"/>
  <c r="D14" i="21"/>
  <c r="D13" i="21"/>
  <c r="D12" i="21"/>
  <c r="D11" i="21"/>
  <c r="D10" i="21"/>
  <c r="D9" i="21"/>
  <c r="D8" i="21"/>
  <c r="D7" i="21"/>
  <c r="D6" i="21"/>
  <c r="D5" i="21"/>
  <c r="D4" i="21"/>
  <c r="D18" i="20"/>
  <c r="D17" i="20"/>
  <c r="D16" i="20"/>
  <c r="D15" i="20"/>
  <c r="D14" i="20"/>
  <c r="D13" i="20"/>
  <c r="D12" i="20"/>
  <c r="D11" i="20"/>
  <c r="D10" i="20"/>
  <c r="D9" i="20"/>
  <c r="D8" i="20"/>
  <c r="D7" i="20"/>
  <c r="D6" i="20"/>
  <c r="D5" i="20"/>
  <c r="D4" i="20"/>
  <c r="D18" i="19"/>
  <c r="D17" i="19"/>
  <c r="D16" i="19"/>
  <c r="D15" i="19"/>
  <c r="D14" i="19"/>
  <c r="D13" i="19"/>
  <c r="D12" i="19"/>
  <c r="D11" i="19"/>
  <c r="D10" i="19"/>
  <c r="D9" i="19"/>
  <c r="D8" i="19"/>
  <c r="D7" i="19"/>
  <c r="D6" i="19"/>
  <c r="D5" i="19"/>
  <c r="D4" i="19"/>
  <c r="D20" i="10" l="1"/>
  <c r="D19" i="10"/>
  <c r="D18" i="10"/>
  <c r="D17" i="10"/>
  <c r="D16" i="10"/>
  <c r="D15" i="10"/>
  <c r="D14" i="10"/>
  <c r="D13" i="10"/>
  <c r="D12" i="10"/>
  <c r="D11" i="10"/>
  <c r="D10" i="10"/>
  <c r="D9" i="10"/>
  <c r="D8" i="10"/>
  <c r="D7" i="10"/>
  <c r="D6" i="10"/>
</calcChain>
</file>

<file path=xl/sharedStrings.xml><?xml version="1.0" encoding="utf-8"?>
<sst xmlns="http://schemas.openxmlformats.org/spreadsheetml/2006/main" count="1391" uniqueCount="234">
  <si>
    <t>No.</t>
  </si>
  <si>
    <t>所管厚生局</t>
    <rPh sb="0" eb="2">
      <t>ショカン</t>
    </rPh>
    <rPh sb="2" eb="4">
      <t>コウセイ</t>
    </rPh>
    <rPh sb="4" eb="5">
      <t>キョク</t>
    </rPh>
    <phoneticPr fontId="1"/>
  </si>
  <si>
    <t>市区町村</t>
    <rPh sb="0" eb="2">
      <t>シク</t>
    </rPh>
    <rPh sb="2" eb="4">
      <t>チョウソン</t>
    </rPh>
    <phoneticPr fontId="1"/>
  </si>
  <si>
    <t>整備計画名</t>
    <rPh sb="0" eb="2">
      <t>セイビ</t>
    </rPh>
    <rPh sb="2" eb="4">
      <t>ケイカク</t>
    </rPh>
    <rPh sb="4" eb="5">
      <t>メイ</t>
    </rPh>
    <phoneticPr fontId="1"/>
  </si>
  <si>
    <t>・行数が足りなくなった場合は、適宜行を追加してください。</t>
    <rPh sb="1" eb="3">
      <t>ギョウスウ</t>
    </rPh>
    <rPh sb="4" eb="5">
      <t>タ</t>
    </rPh>
    <rPh sb="11" eb="13">
      <t>バアイ</t>
    </rPh>
    <rPh sb="15" eb="17">
      <t>テキギ</t>
    </rPh>
    <rPh sb="17" eb="18">
      <t>ギョウ</t>
    </rPh>
    <rPh sb="19" eb="21">
      <t>ツイカ</t>
    </rPh>
    <phoneticPr fontId="1"/>
  </si>
  <si>
    <t>備考</t>
    <rPh sb="0" eb="2">
      <t>ビコウ</t>
    </rPh>
    <phoneticPr fontId="1"/>
  </si>
  <si>
    <t>施設の名称</t>
    <rPh sb="0" eb="2">
      <t>シセツ</t>
    </rPh>
    <rPh sb="3" eb="5">
      <t>メイショウ</t>
    </rPh>
    <phoneticPr fontId="1"/>
  </si>
  <si>
    <t>＜記載要領＞</t>
    <rPh sb="1" eb="3">
      <t>キサイ</t>
    </rPh>
    <rPh sb="3" eb="5">
      <t>ヨウリョウ</t>
    </rPh>
    <phoneticPr fontId="4"/>
  </si>
  <si>
    <t>交付予定額
（千円）</t>
    <rPh sb="0" eb="2">
      <t>コウフ</t>
    </rPh>
    <rPh sb="2" eb="4">
      <t>ヨテイ</t>
    </rPh>
    <rPh sb="4" eb="5">
      <t>ガク</t>
    </rPh>
    <rPh sb="7" eb="9">
      <t>センエン</t>
    </rPh>
    <phoneticPr fontId="1"/>
  </si>
  <si>
    <t>交付基準単価
（千円）</t>
    <rPh sb="0" eb="2">
      <t>コウフ</t>
    </rPh>
    <rPh sb="2" eb="4">
      <t>キジュン</t>
    </rPh>
    <rPh sb="4" eb="6">
      <t>タンカ</t>
    </rPh>
    <rPh sb="8" eb="10">
      <t>センエン</t>
    </rPh>
    <phoneticPr fontId="1"/>
  </si>
  <si>
    <t>総事業費
（千円）</t>
    <rPh sb="0" eb="1">
      <t>ソウ</t>
    </rPh>
    <rPh sb="1" eb="4">
      <t>ジギョウヒ</t>
    </rPh>
    <rPh sb="6" eb="8">
      <t>センエン</t>
    </rPh>
    <phoneticPr fontId="1"/>
  </si>
  <si>
    <t>施設の種類</t>
    <rPh sb="0" eb="2">
      <t>シセツ</t>
    </rPh>
    <rPh sb="3" eb="5">
      <t>シュルイ</t>
    </rPh>
    <phoneticPr fontId="1"/>
  </si>
  <si>
    <t>施設内保育施設</t>
    <rPh sb="0" eb="3">
      <t>シセツナイ</t>
    </rPh>
    <rPh sb="3" eb="5">
      <t>ホイク</t>
    </rPh>
    <rPh sb="5" eb="7">
      <t>シセツ</t>
    </rPh>
    <phoneticPr fontId="1"/>
  </si>
  <si>
    <t>緊急ショートステイ</t>
    <rPh sb="0" eb="2">
      <t>キンキュウ</t>
    </rPh>
    <phoneticPr fontId="1"/>
  </si>
  <si>
    <t>地域包括支援センター</t>
  </si>
  <si>
    <t>介護予防拠点</t>
  </si>
  <si>
    <t>定期巡回・随時対応型訪問介護看護事業所</t>
  </si>
  <si>
    <t>看護小規模多機能型居宅介護事業所　</t>
  </si>
  <si>
    <t>小規模多機能型居宅介護事業所</t>
  </si>
  <si>
    <t>認知症高齢者グループホーム</t>
  </si>
  <si>
    <t>認知症対応型通所介護事業所</t>
  </si>
  <si>
    <t>小規模養護老人ホーム</t>
  </si>
  <si>
    <t>小規模介護医療院</t>
    <rPh sb="0" eb="3">
      <t>ショウキボ</t>
    </rPh>
    <phoneticPr fontId="3"/>
  </si>
  <si>
    <t>小規模介護老人保健施設</t>
  </si>
  <si>
    <t>都市型軽費老人ホーム</t>
  </si>
  <si>
    <t>小規模ケアハウス</t>
  </si>
  <si>
    <t>地域密着型特別養護老人ホーム</t>
  </si>
  <si>
    <t>特別養護老人ホーム</t>
    <rPh sb="0" eb="2">
      <t>トクベツ</t>
    </rPh>
    <rPh sb="2" eb="4">
      <t>ヨウゴ</t>
    </rPh>
    <rPh sb="4" eb="6">
      <t>ロウジン</t>
    </rPh>
    <phoneticPr fontId="1"/>
  </si>
  <si>
    <t>軽費老人ホーム（ケアハウス･A型･B型）</t>
    <rPh sb="0" eb="4">
      <t>ケイヒロウジン</t>
    </rPh>
    <rPh sb="15" eb="16">
      <t>ガタ</t>
    </rPh>
    <rPh sb="18" eb="19">
      <t>ガタ</t>
    </rPh>
    <phoneticPr fontId="1"/>
  </si>
  <si>
    <t>介護老人保健施設</t>
    <rPh sb="0" eb="2">
      <t>カイゴ</t>
    </rPh>
    <rPh sb="2" eb="4">
      <t>ロウジン</t>
    </rPh>
    <rPh sb="4" eb="6">
      <t>ホケン</t>
    </rPh>
    <rPh sb="6" eb="8">
      <t>シセツ</t>
    </rPh>
    <phoneticPr fontId="1"/>
  </si>
  <si>
    <t>介護医療院</t>
    <rPh sb="0" eb="2">
      <t>カイゴ</t>
    </rPh>
    <rPh sb="2" eb="4">
      <t>イリョウ</t>
    </rPh>
    <rPh sb="4" eb="5">
      <t>イン</t>
    </rPh>
    <phoneticPr fontId="1"/>
  </si>
  <si>
    <t>養護老人ホーム</t>
    <rPh sb="0" eb="2">
      <t>ヨウゴ</t>
    </rPh>
    <rPh sb="2" eb="4">
      <t>ロウジン</t>
    </rPh>
    <phoneticPr fontId="1"/>
  </si>
  <si>
    <t>･一整備計画につき一行で入力してください。（セルの結合はしないでください。）</t>
    <rPh sb="1" eb="2">
      <t>1</t>
    </rPh>
    <rPh sb="2" eb="4">
      <t>セイビ</t>
    </rPh>
    <rPh sb="4" eb="6">
      <t>ケイカク</t>
    </rPh>
    <rPh sb="9" eb="10">
      <t>1</t>
    </rPh>
    <rPh sb="10" eb="11">
      <t>ギョウ</t>
    </rPh>
    <rPh sb="12" eb="14">
      <t>ニュウリョク</t>
    </rPh>
    <rPh sb="25" eb="27">
      <t>ケツゴウ</t>
    </rPh>
    <phoneticPr fontId="1"/>
  </si>
  <si>
    <t>生活支援ハウス（高齢者生活福祉センター）等</t>
    <rPh sb="20" eb="21">
      <t>トウ</t>
    </rPh>
    <phoneticPr fontId="1"/>
  </si>
  <si>
    <t>都道府県コード</t>
    <rPh sb="0" eb="4">
      <t>トドウフケン</t>
    </rPh>
    <phoneticPr fontId="1"/>
  </si>
  <si>
    <t>北海道</t>
    <rPh sb="0" eb="3">
      <t>ホッカイドウ</t>
    </rPh>
    <phoneticPr fontId="11"/>
  </si>
  <si>
    <t>青森県</t>
    <rPh sb="0" eb="3">
      <t>アオモリケン</t>
    </rPh>
    <phoneticPr fontId="11"/>
  </si>
  <si>
    <t>岩手県</t>
    <rPh sb="0" eb="3">
      <t>イワテケン</t>
    </rPh>
    <phoneticPr fontId="11"/>
  </si>
  <si>
    <t>宮城県</t>
    <rPh sb="0" eb="3">
      <t>ミヤギケン</t>
    </rPh>
    <phoneticPr fontId="11"/>
  </si>
  <si>
    <t>秋田県</t>
    <rPh sb="0" eb="3">
      <t>アキタケン</t>
    </rPh>
    <phoneticPr fontId="11"/>
  </si>
  <si>
    <t>山形県</t>
    <rPh sb="0" eb="3">
      <t>ヤマガタケン</t>
    </rPh>
    <phoneticPr fontId="11"/>
  </si>
  <si>
    <t>福島県</t>
    <rPh sb="0" eb="3">
      <t>フクシマケン</t>
    </rPh>
    <phoneticPr fontId="11"/>
  </si>
  <si>
    <t>茨城県</t>
    <rPh sb="0" eb="3">
      <t>イバラキケン</t>
    </rPh>
    <phoneticPr fontId="11"/>
  </si>
  <si>
    <t>栃木県</t>
    <rPh sb="0" eb="3">
      <t>トチギケン</t>
    </rPh>
    <phoneticPr fontId="11"/>
  </si>
  <si>
    <t>群馬県</t>
    <rPh sb="0" eb="3">
      <t>グンマケン</t>
    </rPh>
    <phoneticPr fontId="11"/>
  </si>
  <si>
    <t>埼玉県</t>
    <rPh sb="0" eb="3">
      <t>サイタマケン</t>
    </rPh>
    <phoneticPr fontId="11"/>
  </si>
  <si>
    <t>千葉県</t>
    <rPh sb="0" eb="3">
      <t>チバケン</t>
    </rPh>
    <phoneticPr fontId="11"/>
  </si>
  <si>
    <t>東京都</t>
    <rPh sb="0" eb="3">
      <t>トウキョウト</t>
    </rPh>
    <phoneticPr fontId="11"/>
  </si>
  <si>
    <t>神奈川県</t>
    <rPh sb="0" eb="3">
      <t>カナガワ</t>
    </rPh>
    <rPh sb="3" eb="4">
      <t>ケン</t>
    </rPh>
    <phoneticPr fontId="11"/>
  </si>
  <si>
    <t>新潟県</t>
    <rPh sb="0" eb="3">
      <t>ニイガタケン</t>
    </rPh>
    <phoneticPr fontId="11"/>
  </si>
  <si>
    <t>富山県</t>
    <rPh sb="0" eb="3">
      <t>トヤマケン</t>
    </rPh>
    <phoneticPr fontId="11"/>
  </si>
  <si>
    <t>石川県</t>
    <rPh sb="0" eb="3">
      <t>イシカワケン</t>
    </rPh>
    <phoneticPr fontId="11"/>
  </si>
  <si>
    <t>福井県</t>
    <rPh sb="0" eb="3">
      <t>フクイケン</t>
    </rPh>
    <phoneticPr fontId="11"/>
  </si>
  <si>
    <t>山梨県</t>
    <rPh sb="0" eb="3">
      <t>ヤマナシケン</t>
    </rPh>
    <phoneticPr fontId="11"/>
  </si>
  <si>
    <t>長野県</t>
    <rPh sb="0" eb="3">
      <t>ナガノケン</t>
    </rPh>
    <phoneticPr fontId="11"/>
  </si>
  <si>
    <t>岐阜県</t>
    <rPh sb="0" eb="3">
      <t>ギフケン</t>
    </rPh>
    <phoneticPr fontId="11"/>
  </si>
  <si>
    <t>静岡県</t>
    <rPh sb="0" eb="3">
      <t>シズオカケン</t>
    </rPh>
    <phoneticPr fontId="11"/>
  </si>
  <si>
    <t>愛知県</t>
    <rPh sb="0" eb="3">
      <t>アイチケン</t>
    </rPh>
    <phoneticPr fontId="11"/>
  </si>
  <si>
    <t>三重県</t>
    <rPh sb="0" eb="3">
      <t>ミエケン</t>
    </rPh>
    <phoneticPr fontId="11"/>
  </si>
  <si>
    <t>滋賀県</t>
    <rPh sb="0" eb="3">
      <t>シガケン</t>
    </rPh>
    <phoneticPr fontId="11"/>
  </si>
  <si>
    <t>京都府</t>
    <rPh sb="0" eb="3">
      <t>キョウトフ</t>
    </rPh>
    <phoneticPr fontId="11"/>
  </si>
  <si>
    <t>大阪府</t>
    <rPh sb="0" eb="3">
      <t>オオサカフ</t>
    </rPh>
    <phoneticPr fontId="11"/>
  </si>
  <si>
    <t>兵庫県</t>
    <rPh sb="0" eb="3">
      <t>ヒョウゴケン</t>
    </rPh>
    <phoneticPr fontId="11"/>
  </si>
  <si>
    <t>奈良県</t>
    <rPh sb="0" eb="3">
      <t>ナラケン</t>
    </rPh>
    <phoneticPr fontId="11"/>
  </si>
  <si>
    <t>和歌山県</t>
    <rPh sb="0" eb="4">
      <t>ワカヤマケン</t>
    </rPh>
    <phoneticPr fontId="11"/>
  </si>
  <si>
    <t>鳥取県</t>
    <rPh sb="0" eb="3">
      <t>トットリケン</t>
    </rPh>
    <phoneticPr fontId="11"/>
  </si>
  <si>
    <t>島根県</t>
    <rPh sb="0" eb="3">
      <t>シマネケン</t>
    </rPh>
    <phoneticPr fontId="11"/>
  </si>
  <si>
    <t>岡山県</t>
    <rPh sb="0" eb="3">
      <t>オカヤマケン</t>
    </rPh>
    <phoneticPr fontId="11"/>
  </si>
  <si>
    <t>広島県</t>
    <rPh sb="0" eb="3">
      <t>ヒロシマケン</t>
    </rPh>
    <phoneticPr fontId="11"/>
  </si>
  <si>
    <t>山口県</t>
  </si>
  <si>
    <t>徳島県</t>
    <rPh sb="0" eb="3">
      <t>トクシマケン</t>
    </rPh>
    <phoneticPr fontId="11"/>
  </si>
  <si>
    <t>香川県</t>
    <rPh sb="0" eb="3">
      <t>カガワケン</t>
    </rPh>
    <phoneticPr fontId="11"/>
  </si>
  <si>
    <t>愛媛県</t>
    <rPh sb="0" eb="3">
      <t>エヒメケン</t>
    </rPh>
    <phoneticPr fontId="11"/>
  </si>
  <si>
    <t>高知県</t>
    <rPh sb="0" eb="2">
      <t>コウチ</t>
    </rPh>
    <rPh sb="2" eb="3">
      <t>ケン</t>
    </rPh>
    <phoneticPr fontId="11"/>
  </si>
  <si>
    <t>福岡県</t>
    <rPh sb="0" eb="3">
      <t>フクオカケン</t>
    </rPh>
    <phoneticPr fontId="11"/>
  </si>
  <si>
    <t>佐賀県</t>
    <rPh sb="0" eb="2">
      <t>サガ</t>
    </rPh>
    <rPh sb="2" eb="3">
      <t>ケン</t>
    </rPh>
    <phoneticPr fontId="11"/>
  </si>
  <si>
    <t>長崎県</t>
    <rPh sb="0" eb="3">
      <t>ナガサキケン</t>
    </rPh>
    <phoneticPr fontId="11"/>
  </si>
  <si>
    <t>熊本県</t>
    <rPh sb="0" eb="3">
      <t>クマモトケン</t>
    </rPh>
    <phoneticPr fontId="11"/>
  </si>
  <si>
    <t>大分県</t>
    <rPh sb="0" eb="3">
      <t>オオイタケン</t>
    </rPh>
    <phoneticPr fontId="11"/>
  </si>
  <si>
    <t>宮崎県</t>
    <rPh sb="0" eb="3">
      <t>ミヤザキケン</t>
    </rPh>
    <phoneticPr fontId="11"/>
  </si>
  <si>
    <t>鹿児島県</t>
    <rPh sb="0" eb="4">
      <t>カゴシマケン</t>
    </rPh>
    <phoneticPr fontId="11"/>
  </si>
  <si>
    <t>沖縄県</t>
    <rPh sb="0" eb="3">
      <t>オキナワケン</t>
    </rPh>
    <phoneticPr fontId="11"/>
  </si>
  <si>
    <t>想定される災害</t>
    <rPh sb="0" eb="2">
      <t>ソウテイ</t>
    </rPh>
    <rPh sb="5" eb="7">
      <t>サイガイ</t>
    </rPh>
    <phoneticPr fontId="1"/>
  </si>
  <si>
    <t>避難確保計画作成の有無</t>
    <rPh sb="0" eb="2">
      <t>ヒナン</t>
    </rPh>
    <rPh sb="2" eb="4">
      <t>カクホ</t>
    </rPh>
    <rPh sb="4" eb="6">
      <t>ケイカク</t>
    </rPh>
    <rPh sb="6" eb="8">
      <t>サクセイ</t>
    </rPh>
    <rPh sb="9" eb="11">
      <t>ウム</t>
    </rPh>
    <phoneticPr fontId="1"/>
  </si>
  <si>
    <t>想定される最大浸水深（m）</t>
    <rPh sb="0" eb="2">
      <t>ソウテイ</t>
    </rPh>
    <rPh sb="5" eb="7">
      <t>サイダイ</t>
    </rPh>
    <rPh sb="7" eb="9">
      <t>シンスイ</t>
    </rPh>
    <rPh sb="9" eb="10">
      <t>フカ</t>
    </rPh>
    <phoneticPr fontId="1"/>
  </si>
  <si>
    <t>事業内容②
（どのような危険性を改善するためのどのような事業内容か、具体的に記載）</t>
    <rPh sb="0" eb="1">
      <t>コト</t>
    </rPh>
    <rPh sb="1" eb="2">
      <t>ギョウ</t>
    </rPh>
    <rPh sb="2" eb="3">
      <t>ウチ</t>
    </rPh>
    <rPh sb="3" eb="4">
      <t>カタチ</t>
    </rPh>
    <rPh sb="38" eb="40">
      <t>キサイ</t>
    </rPh>
    <phoneticPr fontId="1"/>
  </si>
  <si>
    <t>リストから選択</t>
  </si>
  <si>
    <t>リストから選択</t>
    <rPh sb="5" eb="7">
      <t>センタク</t>
    </rPh>
    <phoneticPr fontId="1"/>
  </si>
  <si>
    <t>根拠となる地方公共団体の条例の名称</t>
    <rPh sb="0" eb="2">
      <t>コンキョ</t>
    </rPh>
    <rPh sb="5" eb="7">
      <t>チホウ</t>
    </rPh>
    <rPh sb="7" eb="9">
      <t>コウキョウ</t>
    </rPh>
    <rPh sb="9" eb="11">
      <t>ダンタイ</t>
    </rPh>
    <rPh sb="12" eb="14">
      <t>ジョウレイ</t>
    </rPh>
    <rPh sb="15" eb="17">
      <t>メイショウ</t>
    </rPh>
    <phoneticPr fontId="1"/>
  </si>
  <si>
    <t>①災害危険区域</t>
    <rPh sb="1" eb="3">
      <t>サイガイ</t>
    </rPh>
    <rPh sb="3" eb="5">
      <t>キケン</t>
    </rPh>
    <rPh sb="5" eb="7">
      <t>クイキ</t>
    </rPh>
    <phoneticPr fontId="1"/>
  </si>
  <si>
    <t>②土砂災害
特別警戒区域</t>
    <rPh sb="1" eb="3">
      <t>ドシャ</t>
    </rPh>
    <rPh sb="3" eb="5">
      <t>サイガイ</t>
    </rPh>
    <rPh sb="6" eb="8">
      <t>トクベツ</t>
    </rPh>
    <rPh sb="8" eb="10">
      <t>ケイカイ</t>
    </rPh>
    <rPh sb="10" eb="12">
      <t>クイキ</t>
    </rPh>
    <phoneticPr fontId="1"/>
  </si>
  <si>
    <t>③地すべり防止区域</t>
    <rPh sb="1" eb="2">
      <t>ジ</t>
    </rPh>
    <rPh sb="5" eb="7">
      <t>ボウシ</t>
    </rPh>
    <rPh sb="7" eb="9">
      <t>クイキ</t>
    </rPh>
    <phoneticPr fontId="1"/>
  </si>
  <si>
    <t>④急傾斜地崩壊危険区域</t>
    <rPh sb="1" eb="5">
      <t>キュウケイシャチ</t>
    </rPh>
    <rPh sb="5" eb="7">
      <t>ホウカイ</t>
    </rPh>
    <rPh sb="7" eb="9">
      <t>キケン</t>
    </rPh>
    <rPh sb="9" eb="11">
      <t>クイキ</t>
    </rPh>
    <phoneticPr fontId="1"/>
  </si>
  <si>
    <t>⑤津波災害特別警戒区域</t>
    <rPh sb="1" eb="3">
      <t>ツナミ</t>
    </rPh>
    <rPh sb="3" eb="5">
      <t>サイガイ</t>
    </rPh>
    <rPh sb="5" eb="7">
      <t>トクベツ</t>
    </rPh>
    <rPh sb="7" eb="9">
      <t>ケイカイ</t>
    </rPh>
    <rPh sb="9" eb="11">
      <t>クイキ</t>
    </rPh>
    <phoneticPr fontId="1"/>
  </si>
  <si>
    <t>⑥浸水想定区域</t>
    <rPh sb="1" eb="3">
      <t>シンスイ</t>
    </rPh>
    <rPh sb="3" eb="5">
      <t>ソウテイ</t>
    </rPh>
    <rPh sb="5" eb="7">
      <t>クイキ</t>
    </rPh>
    <phoneticPr fontId="1"/>
  </si>
  <si>
    <t>⑩津波災害警戒区域</t>
    <rPh sb="1" eb="3">
      <t>ツナミ</t>
    </rPh>
    <rPh sb="3" eb="5">
      <t>サイガイ</t>
    </rPh>
    <rPh sb="5" eb="7">
      <t>ケイカイ</t>
    </rPh>
    <rPh sb="7" eb="9">
      <t>クイキ</t>
    </rPh>
    <phoneticPr fontId="1"/>
  </si>
  <si>
    <t>⑪その他</t>
    <rPh sb="3" eb="4">
      <t>タ</t>
    </rPh>
    <phoneticPr fontId="1"/>
  </si>
  <si>
    <t>⑧都市洪水想定
区域</t>
    <rPh sb="1" eb="3">
      <t>トシ</t>
    </rPh>
    <rPh sb="3" eb="5">
      <t>コウズイ</t>
    </rPh>
    <rPh sb="5" eb="7">
      <t>ソウテイ</t>
    </rPh>
    <rPh sb="8" eb="10">
      <t>クイキ</t>
    </rPh>
    <phoneticPr fontId="1"/>
  </si>
  <si>
    <t>⑨都市浸水想定
区域</t>
    <rPh sb="1" eb="3">
      <t>トシ</t>
    </rPh>
    <rPh sb="3" eb="5">
      <t>シンスイ</t>
    </rPh>
    <rPh sb="5" eb="7">
      <t>ソウテイ</t>
    </rPh>
    <rPh sb="8" eb="10">
      <t>クイキ</t>
    </rPh>
    <phoneticPr fontId="1"/>
  </si>
  <si>
    <t>対象経費の実支出（予定）額
（千円）</t>
    <rPh sb="0" eb="2">
      <t>タイショウ</t>
    </rPh>
    <rPh sb="2" eb="4">
      <t>ケイヒ</t>
    </rPh>
    <rPh sb="5" eb="8">
      <t>ジツシシュツ</t>
    </rPh>
    <rPh sb="9" eb="11">
      <t>ヨテイ</t>
    </rPh>
    <rPh sb="12" eb="13">
      <t>ガク</t>
    </rPh>
    <rPh sb="15" eb="17">
      <t>センエン</t>
    </rPh>
    <phoneticPr fontId="1"/>
  </si>
  <si>
    <t>特に危険な地域として市町村条例により定められた地域内</t>
    <rPh sb="0" eb="1">
      <t>トク</t>
    </rPh>
    <rPh sb="2" eb="4">
      <t>キケン</t>
    </rPh>
    <rPh sb="5" eb="7">
      <t>チイキ</t>
    </rPh>
    <rPh sb="10" eb="13">
      <t>シチョウソン</t>
    </rPh>
    <rPh sb="13" eb="15">
      <t>ジョウレイ</t>
    </rPh>
    <rPh sb="18" eb="19">
      <t>サダ</t>
    </rPh>
    <rPh sb="23" eb="26">
      <t>チイキナイ</t>
    </rPh>
    <phoneticPr fontId="1"/>
  </si>
  <si>
    <t>BCP（事業継続計画）の策定状況</t>
    <phoneticPr fontId="1"/>
  </si>
  <si>
    <t>入所（居）者、利用者に医療的配慮が必要の者の割合</t>
    <rPh sb="0" eb="2">
      <t>ニュウショ</t>
    </rPh>
    <rPh sb="3" eb="4">
      <t>キョ</t>
    </rPh>
    <rPh sb="5" eb="6">
      <t>シャ</t>
    </rPh>
    <rPh sb="7" eb="10">
      <t>リヨウシャ</t>
    </rPh>
    <rPh sb="11" eb="14">
      <t>イリョウテキ</t>
    </rPh>
    <rPh sb="14" eb="16">
      <t>ハイリョ</t>
    </rPh>
    <rPh sb="17" eb="19">
      <t>ヒツヨウ</t>
    </rPh>
    <rPh sb="20" eb="21">
      <t>モノ</t>
    </rPh>
    <rPh sb="22" eb="24">
      <t>ワリアイ</t>
    </rPh>
    <phoneticPr fontId="1"/>
  </si>
  <si>
    <t>実施主体（自治体名）</t>
    <rPh sb="0" eb="2">
      <t>ジッシ</t>
    </rPh>
    <rPh sb="2" eb="4">
      <t>シュタイ</t>
    </rPh>
    <rPh sb="5" eb="8">
      <t>ジチタイ</t>
    </rPh>
    <rPh sb="8" eb="9">
      <t>メイ</t>
    </rPh>
    <phoneticPr fontId="1"/>
  </si>
  <si>
    <t>都道府県
（入力不要）</t>
    <rPh sb="0" eb="4">
      <t>トドウフケン</t>
    </rPh>
    <rPh sb="6" eb="8">
      <t>ニュウリョク</t>
    </rPh>
    <rPh sb="8" eb="10">
      <t>フヨウ</t>
    </rPh>
    <phoneticPr fontId="1"/>
  </si>
  <si>
    <t>㉜施設内保育施設</t>
    <rPh sb="1" eb="4">
      <t>シセツナイ</t>
    </rPh>
    <rPh sb="4" eb="6">
      <t>ホイク</t>
    </rPh>
    <rPh sb="6" eb="8">
      <t>シセツ</t>
    </rPh>
    <phoneticPr fontId="1"/>
  </si>
  <si>
    <t>㉛緊急ショートステイ</t>
    <rPh sb="1" eb="3">
      <t>キンキュウ</t>
    </rPh>
    <phoneticPr fontId="1"/>
  </si>
  <si>
    <t>㉚生活支援ハウス（高齢者生活福祉センター）</t>
    <phoneticPr fontId="1"/>
  </si>
  <si>
    <t>㉙地域包括支援センター</t>
    <phoneticPr fontId="1"/>
  </si>
  <si>
    <t>㉘介護予防拠点</t>
    <phoneticPr fontId="1"/>
  </si>
  <si>
    <t>㉗夜間対応型訪問介護ステーション</t>
    <phoneticPr fontId="1"/>
  </si>
  <si>
    <t>㉖定期巡回・随時対応型訪問介護看護事業所</t>
    <phoneticPr fontId="1"/>
  </si>
  <si>
    <t>㉕看護小規模多機能型居宅介護事業所　</t>
    <phoneticPr fontId="1"/>
  </si>
  <si>
    <t>㉔小規模多機能型居宅介護事業所</t>
    <phoneticPr fontId="1"/>
  </si>
  <si>
    <t>㉓認知症高齢者グループホーム</t>
    <phoneticPr fontId="1"/>
  </si>
  <si>
    <t>㉒⑬以外の小規模老人短期入所施設</t>
    <rPh sb="2" eb="4">
      <t>イガイ</t>
    </rPh>
    <rPh sb="5" eb="8">
      <t>ショウキボ</t>
    </rPh>
    <rPh sb="8" eb="12">
      <t>ロウジンタンキ</t>
    </rPh>
    <rPh sb="12" eb="14">
      <t>ニュウショ</t>
    </rPh>
    <rPh sb="14" eb="16">
      <t>シセツ</t>
    </rPh>
    <phoneticPr fontId="1"/>
  </si>
  <si>
    <t>㉑認知症対応型通所介護事業所</t>
    <phoneticPr fontId="1"/>
  </si>
  <si>
    <t>⑳地域密着型通所介護事業所</t>
    <rPh sb="1" eb="3">
      <t>チイキ</t>
    </rPh>
    <rPh sb="3" eb="6">
      <t>ミッチャクガタ</t>
    </rPh>
    <phoneticPr fontId="3"/>
  </si>
  <si>
    <t>⑲小規模有料老人ホーム</t>
    <rPh sb="1" eb="4">
      <t>ショウキボ</t>
    </rPh>
    <phoneticPr fontId="3"/>
  </si>
  <si>
    <t>⑱小規模養護老人ホーム</t>
    <phoneticPr fontId="1"/>
  </si>
  <si>
    <t>⑰小規模介護医療院</t>
    <rPh sb="1" eb="4">
      <t>ショウキボ</t>
    </rPh>
    <phoneticPr fontId="3"/>
  </si>
  <si>
    <t>⑯小規模介護老人保健施設</t>
    <phoneticPr fontId="1"/>
  </si>
  <si>
    <t>⑮都市型軽費老人ホーム</t>
    <phoneticPr fontId="1"/>
  </si>
  <si>
    <t>⑭小規模ケアハウス</t>
    <phoneticPr fontId="1"/>
  </si>
  <si>
    <t>⑬地域密着型特別養護老人ホーム及び併設される老人短期入所施設</t>
    <rPh sb="15" eb="16">
      <t>オヨ</t>
    </rPh>
    <phoneticPr fontId="1"/>
  </si>
  <si>
    <t>⑫在宅複合型施設</t>
    <phoneticPr fontId="1"/>
  </si>
  <si>
    <t>⑪老人介護支援センター（在宅介護支援センター）</t>
    <phoneticPr fontId="1"/>
  </si>
  <si>
    <t>⑩老人福祉施設付設作業所</t>
    <phoneticPr fontId="1"/>
  </si>
  <si>
    <t>⑨老人福祉センター（特Ａ型・Ａ型・Ｂ型）</t>
    <phoneticPr fontId="1"/>
  </si>
  <si>
    <t>⑧上記以外の老人短期入所施設</t>
    <rPh sb="1" eb="3">
      <t>ジョウキ</t>
    </rPh>
    <rPh sb="3" eb="5">
      <t>イガイ</t>
    </rPh>
    <rPh sb="6" eb="8">
      <t>ロウジン</t>
    </rPh>
    <rPh sb="8" eb="10">
      <t>タンキ</t>
    </rPh>
    <rPh sb="10" eb="12">
      <t>ニュウショ</t>
    </rPh>
    <rPh sb="12" eb="14">
      <t>シセツ</t>
    </rPh>
    <phoneticPr fontId="1"/>
  </si>
  <si>
    <t>⑦通所介護事業所</t>
    <phoneticPr fontId="1"/>
  </si>
  <si>
    <t>⑥有料老人ホーム</t>
    <phoneticPr fontId="1"/>
  </si>
  <si>
    <t>⑤養護老人ホーム</t>
    <phoneticPr fontId="1"/>
  </si>
  <si>
    <t>④介護医療院</t>
    <phoneticPr fontId="1"/>
  </si>
  <si>
    <t>③介護老人保健施設</t>
    <phoneticPr fontId="1"/>
  </si>
  <si>
    <t>②軽費老人ホーム（ケアハウス・Ａ型・Ｂ型）</t>
    <phoneticPr fontId="1"/>
  </si>
  <si>
    <t>①特別養護老人ホーム及び併設される老人短期入所施設</t>
    <rPh sb="10" eb="11">
      <t>オヨ</t>
    </rPh>
    <phoneticPr fontId="1"/>
  </si>
  <si>
    <t>※国の補助率10/10（定額）を超えた部分について地方負担をしている場合は、その金額を入力してください。</t>
    <rPh sb="1" eb="2">
      <t>コク</t>
    </rPh>
    <rPh sb="3" eb="6">
      <t>ホジョリツ</t>
    </rPh>
    <rPh sb="12" eb="14">
      <t>テイガク</t>
    </rPh>
    <rPh sb="16" eb="17">
      <t>コ</t>
    </rPh>
    <rPh sb="19" eb="21">
      <t>ブブン</t>
    </rPh>
    <rPh sb="25" eb="29">
      <t>チホウフタン</t>
    </rPh>
    <rPh sb="34" eb="36">
      <t>バアイ</t>
    </rPh>
    <rPh sb="40" eb="42">
      <t>キンガク</t>
    </rPh>
    <rPh sb="43" eb="45">
      <t>ニュウリョク</t>
    </rPh>
    <phoneticPr fontId="1"/>
  </si>
  <si>
    <t>地方負担額
（千円）※</t>
    <rPh sb="0" eb="2">
      <t>チホウ</t>
    </rPh>
    <rPh sb="2" eb="5">
      <t>フタンガク</t>
    </rPh>
    <rPh sb="5" eb="6">
      <t>テイガク</t>
    </rPh>
    <rPh sb="7" eb="8">
      <t>セン</t>
    </rPh>
    <rPh sb="8" eb="9">
      <t>エン</t>
    </rPh>
    <phoneticPr fontId="1"/>
  </si>
  <si>
    <t>事業内容①
リストから選択</t>
    <rPh sb="0" eb="2">
      <t>ジギョウ</t>
    </rPh>
    <rPh sb="2" eb="4">
      <t>ナイヨウ</t>
    </rPh>
    <rPh sb="11" eb="13">
      <t>センタク</t>
    </rPh>
    <phoneticPr fontId="1"/>
  </si>
  <si>
    <t>エレベータの有無
リストから選択</t>
    <rPh sb="6" eb="8">
      <t>ウム</t>
    </rPh>
    <rPh sb="14" eb="16">
      <t>センタク</t>
    </rPh>
    <phoneticPr fontId="1"/>
  </si>
  <si>
    <t>地域防災計画による施設の指定の有無</t>
    <rPh sb="0" eb="2">
      <t>チイキ</t>
    </rPh>
    <rPh sb="2" eb="4">
      <t>ボウサイ</t>
    </rPh>
    <rPh sb="4" eb="6">
      <t>ケイカク</t>
    </rPh>
    <rPh sb="9" eb="11">
      <t>シセツ</t>
    </rPh>
    <rPh sb="12" eb="14">
      <t>シテイ</t>
    </rPh>
    <rPh sb="15" eb="17">
      <t>ウム</t>
    </rPh>
    <phoneticPr fontId="1"/>
  </si>
  <si>
    <t>施設が所在するすべての該当エリアに○を付けてください。
また、該当区域によっては、最大浸水深、地域防災計画による施設の指定の有無、避難確保計画の作成の有無等を記入してください。</t>
    <rPh sb="0" eb="2">
      <t>シセツ</t>
    </rPh>
    <rPh sb="3" eb="5">
      <t>ショザイ</t>
    </rPh>
    <rPh sb="11" eb="13">
      <t>ガイトウ</t>
    </rPh>
    <rPh sb="19" eb="20">
      <t>ツ</t>
    </rPh>
    <rPh sb="31" eb="33">
      <t>ガイトウ</t>
    </rPh>
    <rPh sb="33" eb="35">
      <t>クイキ</t>
    </rPh>
    <rPh sb="41" eb="43">
      <t>サイダイ</t>
    </rPh>
    <rPh sb="43" eb="45">
      <t>シンスイ</t>
    </rPh>
    <rPh sb="45" eb="46">
      <t>フカ</t>
    </rPh>
    <rPh sb="65" eb="67">
      <t>ヒナン</t>
    </rPh>
    <rPh sb="67" eb="69">
      <t>カクホ</t>
    </rPh>
    <rPh sb="69" eb="71">
      <t>ケイカク</t>
    </rPh>
    <rPh sb="72" eb="74">
      <t>サクセイ</t>
    </rPh>
    <rPh sb="75" eb="77">
      <t>ウム</t>
    </rPh>
    <rPh sb="77" eb="78">
      <t>トウ</t>
    </rPh>
    <rPh sb="79" eb="81">
      <t>キニュウ</t>
    </rPh>
    <phoneticPr fontId="1"/>
  </si>
  <si>
    <t>⑦土砂災害警戒区域</t>
    <rPh sb="1" eb="3">
      <t>ドシャ</t>
    </rPh>
    <rPh sb="3" eb="5">
      <t>サイガイ</t>
    </rPh>
    <rPh sb="5" eb="7">
      <t>ケイカイ</t>
    </rPh>
    <rPh sb="7" eb="9">
      <t>クイキ</t>
    </rPh>
    <phoneticPr fontId="1"/>
  </si>
  <si>
    <t>高齢者施設等のブロック塀改修支援事業</t>
    <phoneticPr fontId="1"/>
  </si>
  <si>
    <t>※備考に根拠法令等、詳細を記載ください。</t>
    <rPh sb="4" eb="6">
      <t>コンキョ</t>
    </rPh>
    <rPh sb="6" eb="8">
      <t>ホウレイ</t>
    </rPh>
    <rPh sb="8" eb="9">
      <t>トウ</t>
    </rPh>
    <phoneticPr fontId="1"/>
  </si>
  <si>
    <t>事業内容
（どのような危険性を改善するためのどのような事業内容か、具体的に明記）</t>
    <rPh sb="0" eb="1">
      <t>コト</t>
    </rPh>
    <rPh sb="1" eb="2">
      <t>ギョウ</t>
    </rPh>
    <rPh sb="2" eb="3">
      <t>ウチ</t>
    </rPh>
    <rPh sb="3" eb="4">
      <t>カタチ</t>
    </rPh>
    <phoneticPr fontId="1"/>
  </si>
  <si>
    <t>高齢者施設等の非常用自家発電設備整備事業</t>
    <phoneticPr fontId="1"/>
  </si>
  <si>
    <t>高齢者施設等の給水設備整備事業</t>
    <rPh sb="7" eb="9">
      <t>キュウスイ</t>
    </rPh>
    <phoneticPr fontId="1"/>
  </si>
  <si>
    <r>
      <t>認知症高齢者グループホーム等防災改修等支援事業</t>
    </r>
    <r>
      <rPr>
        <b/>
        <sz val="20"/>
        <color rgb="FFFF0000"/>
        <rFont val="游ゴシック"/>
        <family val="3"/>
        <charset val="128"/>
      </rPr>
      <t>（水害対策強化事業）</t>
    </r>
    <rPh sb="24" eb="26">
      <t>スイガイ</t>
    </rPh>
    <rPh sb="26" eb="28">
      <t>タイサク</t>
    </rPh>
    <rPh sb="28" eb="30">
      <t>キョウカ</t>
    </rPh>
    <phoneticPr fontId="1"/>
  </si>
  <si>
    <r>
      <t xml:space="preserve">都道府県
</t>
    </r>
    <r>
      <rPr>
        <u/>
        <sz val="20"/>
        <color theme="1"/>
        <rFont val="游ゴシック"/>
        <family val="3"/>
        <charset val="128"/>
      </rPr>
      <t>（入力不要）</t>
    </r>
    <rPh sb="0" eb="4">
      <t>トドウフケン</t>
    </rPh>
    <rPh sb="6" eb="8">
      <t>ニュウリョク</t>
    </rPh>
    <rPh sb="8" eb="10">
      <t>フヨウ</t>
    </rPh>
    <phoneticPr fontId="1"/>
  </si>
  <si>
    <r>
      <t xml:space="preserve">実施主体
</t>
    </r>
    <r>
      <rPr>
        <b/>
        <u/>
        <sz val="20"/>
        <color theme="1"/>
        <rFont val="游ゴシック"/>
        <family val="3"/>
        <charset val="128"/>
      </rPr>
      <t>（自治体名）</t>
    </r>
    <rPh sb="0" eb="2">
      <t>ジッシ</t>
    </rPh>
    <rPh sb="2" eb="4">
      <t>シュタイ</t>
    </rPh>
    <rPh sb="6" eb="9">
      <t>ジチタイ</t>
    </rPh>
    <rPh sb="9" eb="10">
      <t>メイ</t>
    </rPh>
    <phoneticPr fontId="1"/>
  </si>
  <si>
    <r>
      <t xml:space="preserve">建物の構造
</t>
    </r>
    <r>
      <rPr>
        <sz val="18"/>
        <color theme="1"/>
        <rFont val="游ゴシック"/>
        <family val="3"/>
        <charset val="128"/>
      </rPr>
      <t>リストから選択</t>
    </r>
    <rPh sb="0" eb="2">
      <t>タテモノ</t>
    </rPh>
    <rPh sb="3" eb="5">
      <t>コウゾウ</t>
    </rPh>
    <rPh sb="11" eb="13">
      <t>センタク</t>
    </rPh>
    <phoneticPr fontId="1"/>
  </si>
  <si>
    <t>⑥その他</t>
    <rPh sb="3" eb="4">
      <t>タ</t>
    </rPh>
    <phoneticPr fontId="1"/>
  </si>
  <si>
    <t>①エレベーターの設置工事（既存のものを更新するのは対象外とする。）　</t>
  </si>
  <si>
    <t>②車椅子での迅速な避難を促進するためのスロープ設置工事</t>
  </si>
  <si>
    <t>③施設で利用者や職員が避難できるようなスペース確保のための改修工事　　　　　　</t>
  </si>
  <si>
    <t>④非常用自家発電設備装置等の電気設備を水害から守るために、設備を屋上等に移設するための工事</t>
  </si>
  <si>
    <t>⑤施設の出入り口からの浸水や土砂流入を防ぐための止水板等の設置工事</t>
  </si>
  <si>
    <t>高齢者施設等における換気設備の設置に係る経費支援事業</t>
    <rPh sb="0" eb="3">
      <t>コウレイシャ</t>
    </rPh>
    <rPh sb="3" eb="5">
      <t>シセツ</t>
    </rPh>
    <rPh sb="5" eb="6">
      <t>トウ</t>
    </rPh>
    <rPh sb="10" eb="12">
      <t>カンキ</t>
    </rPh>
    <rPh sb="12" eb="14">
      <t>セツビ</t>
    </rPh>
    <rPh sb="15" eb="17">
      <t>セッチ</t>
    </rPh>
    <rPh sb="18" eb="19">
      <t>カカワ</t>
    </rPh>
    <rPh sb="20" eb="22">
      <t>ケイヒ</t>
    </rPh>
    <rPh sb="22" eb="24">
      <t>シエン</t>
    </rPh>
    <rPh sb="24" eb="26">
      <t>ジギョウ</t>
    </rPh>
    <phoneticPr fontId="1"/>
  </si>
  <si>
    <t>地方負担額
（千円）</t>
    <rPh sb="0" eb="2">
      <t>チホウ</t>
    </rPh>
    <rPh sb="2" eb="5">
      <t>フタンガク</t>
    </rPh>
    <rPh sb="5" eb="6">
      <t>テイガク</t>
    </rPh>
    <rPh sb="7" eb="8">
      <t>セン</t>
    </rPh>
    <rPh sb="8" eb="9">
      <t>エン</t>
    </rPh>
    <phoneticPr fontId="1"/>
  </si>
  <si>
    <r>
      <t>認知症高齢者グループホーム等防災改修等支援事業</t>
    </r>
    <r>
      <rPr>
        <b/>
        <sz val="14"/>
        <color rgb="FFFF0000"/>
        <rFont val="游ゴシック"/>
        <family val="3"/>
        <charset val="128"/>
      </rPr>
      <t>（耐震化）</t>
    </r>
    <rPh sb="24" eb="27">
      <t>タイシンカ</t>
    </rPh>
    <phoneticPr fontId="1"/>
  </si>
  <si>
    <t>福祉避難所
指定（協定）状況</t>
    <rPh sb="9" eb="11">
      <t>キョウテイ</t>
    </rPh>
    <phoneticPr fontId="1"/>
  </si>
  <si>
    <r>
      <t>認知症高齢者グループホーム等防災改修等支援事業</t>
    </r>
    <r>
      <rPr>
        <b/>
        <sz val="14"/>
        <color rgb="FFFF0000"/>
        <rFont val="游ゴシック"/>
        <family val="3"/>
        <charset val="128"/>
      </rPr>
      <t>（大規模修繕）</t>
    </r>
    <rPh sb="24" eb="27">
      <t>ダイキボ</t>
    </rPh>
    <rPh sb="27" eb="29">
      <t>シュウゼン</t>
    </rPh>
    <phoneticPr fontId="1"/>
  </si>
  <si>
    <r>
      <t>認知症高齢者グループホーム等防災改修等支援事業</t>
    </r>
    <r>
      <rPr>
        <b/>
        <sz val="14"/>
        <color rgb="FFFF0000"/>
        <rFont val="游ゴシック"/>
        <family val="3"/>
        <charset val="128"/>
      </rPr>
      <t>（自家発）</t>
    </r>
    <rPh sb="24" eb="27">
      <t>ジカハツ</t>
    </rPh>
    <phoneticPr fontId="1"/>
  </si>
  <si>
    <t>機種が可搬（ポータブル）型の場合は「○」</t>
    <rPh sb="0" eb="2">
      <t>キシュ</t>
    </rPh>
    <rPh sb="3" eb="5">
      <t>カハン</t>
    </rPh>
    <rPh sb="12" eb="13">
      <t>カタ</t>
    </rPh>
    <rPh sb="14" eb="16">
      <t>バアイ</t>
    </rPh>
    <phoneticPr fontId="1"/>
  </si>
  <si>
    <t>該当の場合のみ入力</t>
    <rPh sb="0" eb="2">
      <t>ガイトウ</t>
    </rPh>
    <rPh sb="3" eb="5">
      <t>バアイ</t>
    </rPh>
    <rPh sb="7" eb="9">
      <t>ニュウリョク</t>
    </rPh>
    <phoneticPr fontId="1"/>
  </si>
  <si>
    <t>併設される老人短期入所施設がある場合は「○」</t>
    <rPh sb="0" eb="2">
      <t>ヘイセツ</t>
    </rPh>
    <rPh sb="5" eb="13">
      <t>ロウジンタンキニュウショシセツ</t>
    </rPh>
    <rPh sb="16" eb="18">
      <t>バアイ</t>
    </rPh>
    <phoneticPr fontId="1"/>
  </si>
  <si>
    <t>併設される老人短期入所施設がある場合は「○」</t>
    <phoneticPr fontId="1"/>
  </si>
  <si>
    <t>地方負担額
（千円）※１</t>
    <rPh sb="0" eb="2">
      <t>チホウ</t>
    </rPh>
    <rPh sb="2" eb="5">
      <t>フタンガク</t>
    </rPh>
    <rPh sb="5" eb="6">
      <t>テイガク</t>
    </rPh>
    <rPh sb="7" eb="8">
      <t>セン</t>
    </rPh>
    <rPh sb="8" eb="9">
      <t>エン</t>
    </rPh>
    <phoneticPr fontId="1"/>
  </si>
  <si>
    <t>設置場所は適切か
※２</t>
    <rPh sb="0" eb="2">
      <t>セッチ</t>
    </rPh>
    <rPh sb="2" eb="4">
      <t>バショ</t>
    </rPh>
    <rPh sb="5" eb="7">
      <t>テキセツ</t>
    </rPh>
    <phoneticPr fontId="1"/>
  </si>
  <si>
    <t>※１国の補助率10/10（定額）を超えた部分について地方負担をしている場合は、その金額を入力してください。</t>
    <rPh sb="2" eb="3">
      <t>コク</t>
    </rPh>
    <rPh sb="4" eb="7">
      <t>ホジョリツ</t>
    </rPh>
    <rPh sb="13" eb="15">
      <t>テイガク</t>
    </rPh>
    <rPh sb="17" eb="18">
      <t>コ</t>
    </rPh>
    <rPh sb="20" eb="22">
      <t>ブブン</t>
    </rPh>
    <rPh sb="26" eb="30">
      <t>チホウフタン</t>
    </rPh>
    <rPh sb="35" eb="37">
      <t>バアイ</t>
    </rPh>
    <rPh sb="41" eb="43">
      <t>キンガク</t>
    </rPh>
    <rPh sb="44" eb="46">
      <t>ニュウリョク</t>
    </rPh>
    <phoneticPr fontId="1"/>
  </si>
  <si>
    <t>設置場所は適切か
※</t>
    <rPh sb="0" eb="2">
      <t>セッチ</t>
    </rPh>
    <rPh sb="2" eb="4">
      <t>バショ</t>
    </rPh>
    <rPh sb="5" eb="7">
      <t>テキセツ</t>
    </rPh>
    <phoneticPr fontId="1"/>
  </si>
  <si>
    <t>作成時期</t>
    <rPh sb="0" eb="2">
      <t>サクセイ</t>
    </rPh>
    <rPh sb="2" eb="4">
      <t>ジキ</t>
    </rPh>
    <phoneticPr fontId="1"/>
  </si>
  <si>
    <t>非常災害対策計画</t>
    <rPh sb="0" eb="2">
      <t>ヒジョウ</t>
    </rPh>
    <rPh sb="2" eb="4">
      <t>サイガイ</t>
    </rPh>
    <rPh sb="4" eb="6">
      <t>タイサク</t>
    </rPh>
    <rPh sb="6" eb="8">
      <t>ケイカク</t>
    </rPh>
    <phoneticPr fontId="1"/>
  </si>
  <si>
    <t>作成状況</t>
    <rPh sb="0" eb="2">
      <t>サクセイ</t>
    </rPh>
    <rPh sb="2" eb="4">
      <t>ジョウキョウ</t>
    </rPh>
    <phoneticPr fontId="1"/>
  </si>
  <si>
    <t>避難確保計画</t>
    <rPh sb="0" eb="2">
      <t>ヒナン</t>
    </rPh>
    <rPh sb="2" eb="4">
      <t>カクホ</t>
    </rPh>
    <rPh sb="4" eb="6">
      <t>ケイカク</t>
    </rPh>
    <phoneticPr fontId="1"/>
  </si>
  <si>
    <t>⑥浸水被害防止
区域</t>
    <rPh sb="1" eb="3">
      <t>シンスイ</t>
    </rPh>
    <rPh sb="3" eb="5">
      <t>ヒガイ</t>
    </rPh>
    <rPh sb="5" eb="7">
      <t>ボウシ</t>
    </rPh>
    <rPh sb="8" eb="10">
      <t>クイキ</t>
    </rPh>
    <phoneticPr fontId="1"/>
  </si>
  <si>
    <r>
      <t>高齢者施設等防災改修等支援事業</t>
    </r>
    <r>
      <rPr>
        <b/>
        <sz val="20"/>
        <color rgb="FFFF0000"/>
        <rFont val="游ゴシック"/>
        <family val="3"/>
        <charset val="128"/>
      </rPr>
      <t>（水害対策強化事業）</t>
    </r>
    <rPh sb="0" eb="3">
      <t>コウレイシャ</t>
    </rPh>
    <rPh sb="3" eb="5">
      <t>シセツ</t>
    </rPh>
    <rPh sb="16" eb="18">
      <t>スイガイ</t>
    </rPh>
    <rPh sb="18" eb="20">
      <t>タイサク</t>
    </rPh>
    <rPh sb="20" eb="22">
      <t>キョウカ</t>
    </rPh>
    <phoneticPr fontId="1"/>
  </si>
  <si>
    <t>優先順位
都道府県、指定都市、中核市ごとに、優先順位を必ず入力してください。</t>
    <rPh sb="0" eb="2">
      <t>ユウセン</t>
    </rPh>
    <rPh sb="2" eb="4">
      <t>ジュンイ</t>
    </rPh>
    <rPh sb="5" eb="9">
      <t>トドウフケン</t>
    </rPh>
    <rPh sb="10" eb="12">
      <t>シテイ</t>
    </rPh>
    <rPh sb="12" eb="14">
      <t>トシ</t>
    </rPh>
    <rPh sb="15" eb="18">
      <t>チュウカクシ</t>
    </rPh>
    <phoneticPr fontId="1"/>
  </si>
  <si>
    <t>実施主体
（自治体名）
※運営法人名は入れないこと</t>
    <rPh sb="0" eb="2">
      <t>ジッシ</t>
    </rPh>
    <rPh sb="2" eb="4">
      <t>シュタイ</t>
    </rPh>
    <rPh sb="6" eb="9">
      <t>ジチタイ</t>
    </rPh>
    <rPh sb="9" eb="10">
      <t>メイ</t>
    </rPh>
    <phoneticPr fontId="1"/>
  </si>
  <si>
    <t>優先順位
都道府県、指定都市、中核市ごとに、優先順位を必ず入力してください。</t>
    <rPh sb="0" eb="2">
      <t>ユウセン</t>
    </rPh>
    <rPh sb="2" eb="4">
      <t>ジュンイ</t>
    </rPh>
    <rPh sb="5" eb="9">
      <t>トドウフケン</t>
    </rPh>
    <rPh sb="10" eb="12">
      <t>シテイ</t>
    </rPh>
    <rPh sb="12" eb="14">
      <t>トシ</t>
    </rPh>
    <rPh sb="15" eb="18">
      <t>チュウカクシ</t>
    </rPh>
    <rPh sb="22" eb="24">
      <t>ユウセン</t>
    </rPh>
    <rPh sb="24" eb="26">
      <t>ジュンイ</t>
    </rPh>
    <rPh sb="27" eb="28">
      <t>カナラ</t>
    </rPh>
    <rPh sb="29" eb="31">
      <t>ニュウリョク</t>
    </rPh>
    <phoneticPr fontId="1"/>
  </si>
  <si>
    <t>優先順位
都道府県、指定都市、中核市ごとに、優先順位を必ず入力してください。</t>
    <phoneticPr fontId="1"/>
  </si>
  <si>
    <t>設置に当たって耐震性が確保されていることが分かる資料の整備</t>
    <rPh sb="0" eb="2">
      <t>セッチ</t>
    </rPh>
    <rPh sb="3" eb="4">
      <t>ア</t>
    </rPh>
    <rPh sb="7" eb="10">
      <t>タイシンセイ</t>
    </rPh>
    <rPh sb="11" eb="13">
      <t>カクホ</t>
    </rPh>
    <rPh sb="21" eb="22">
      <t>ワ</t>
    </rPh>
    <rPh sb="24" eb="26">
      <t>シリョウ</t>
    </rPh>
    <rPh sb="27" eb="29">
      <t>セイビ</t>
    </rPh>
    <phoneticPr fontId="1"/>
  </si>
  <si>
    <t>(別添３）</t>
    <rPh sb="1" eb="2">
      <t>ベツ</t>
    </rPh>
    <rPh sb="2" eb="3">
      <t>ゾ</t>
    </rPh>
    <phoneticPr fontId="1"/>
  </si>
  <si>
    <t>※２浸水等が想定される場所、大規模地震の際に揺れの激しい場所に設置を検討していないか</t>
    <rPh sb="2" eb="4">
      <t>シンスイ</t>
    </rPh>
    <rPh sb="4" eb="5">
      <t>トウ</t>
    </rPh>
    <rPh sb="6" eb="8">
      <t>ソウテイ</t>
    </rPh>
    <rPh sb="11" eb="13">
      <t>バショ</t>
    </rPh>
    <rPh sb="14" eb="17">
      <t>ダイキボ</t>
    </rPh>
    <rPh sb="17" eb="19">
      <t>ジシン</t>
    </rPh>
    <rPh sb="20" eb="21">
      <t>サイ</t>
    </rPh>
    <rPh sb="22" eb="23">
      <t>ユ</t>
    </rPh>
    <rPh sb="25" eb="26">
      <t>ハゲ</t>
    </rPh>
    <rPh sb="28" eb="30">
      <t>バショ</t>
    </rPh>
    <rPh sb="31" eb="33">
      <t>セッチ</t>
    </rPh>
    <rPh sb="34" eb="36">
      <t>ケントウ</t>
    </rPh>
    <phoneticPr fontId="1"/>
  </si>
  <si>
    <t>※浸水等が想定される場所、大規模地震の際に揺れの激しい場所に設置を検討していないか</t>
    <rPh sb="1" eb="3">
      <t>シンスイ</t>
    </rPh>
    <rPh sb="3" eb="4">
      <t>トウ</t>
    </rPh>
    <rPh sb="5" eb="7">
      <t>ソウテイ</t>
    </rPh>
    <rPh sb="10" eb="12">
      <t>バショ</t>
    </rPh>
    <rPh sb="13" eb="16">
      <t>ダイキボ</t>
    </rPh>
    <rPh sb="16" eb="18">
      <t>ジシン</t>
    </rPh>
    <rPh sb="19" eb="20">
      <t>サイ</t>
    </rPh>
    <rPh sb="21" eb="22">
      <t>ユ</t>
    </rPh>
    <rPh sb="24" eb="25">
      <t>ハゲ</t>
    </rPh>
    <rPh sb="27" eb="29">
      <t>バショ</t>
    </rPh>
    <rPh sb="30" eb="32">
      <t>セッチ</t>
    </rPh>
    <rPh sb="33" eb="35">
      <t>ケントウ</t>
    </rPh>
    <phoneticPr fontId="1"/>
  </si>
  <si>
    <t>(別添3）</t>
    <rPh sb="1" eb="2">
      <t>ベツ</t>
    </rPh>
    <rPh sb="2" eb="3">
      <t>ゾ</t>
    </rPh>
    <phoneticPr fontId="1"/>
  </si>
  <si>
    <t>面積案分を行っていない場合、その理由説明資料を提出した</t>
    <rPh sb="0" eb="2">
      <t>メンセキ</t>
    </rPh>
    <rPh sb="2" eb="4">
      <t>アンブン</t>
    </rPh>
    <rPh sb="5" eb="6">
      <t>オコナ</t>
    </rPh>
    <rPh sb="11" eb="13">
      <t>バアイ</t>
    </rPh>
    <phoneticPr fontId="1"/>
  </si>
  <si>
    <t>面積案分を行っていない場合、その理由説明資料を提出した</t>
    <rPh sb="0" eb="2">
      <t>メンセキ</t>
    </rPh>
    <rPh sb="2" eb="4">
      <t>アンブン</t>
    </rPh>
    <rPh sb="5" eb="6">
      <t>オコナ</t>
    </rPh>
    <rPh sb="11" eb="13">
      <t>バアイ</t>
    </rPh>
    <rPh sb="16" eb="18">
      <t>リユウ</t>
    </rPh>
    <rPh sb="18" eb="20">
      <t>セツメイ</t>
    </rPh>
    <rPh sb="20" eb="22">
      <t>シリョウ</t>
    </rPh>
    <rPh sb="23" eb="25">
      <t>テイシュツ</t>
    </rPh>
    <phoneticPr fontId="1"/>
  </si>
  <si>
    <t>①特別養護老人ホーム及び併設される老人短期入所施設</t>
    <rPh sb="1" eb="7">
      <t>トクベツヨウゴロウジン</t>
    </rPh>
    <rPh sb="10" eb="11">
      <t>オヨ</t>
    </rPh>
    <rPh sb="12" eb="14">
      <t>ヘイセツ</t>
    </rPh>
    <rPh sb="17" eb="19">
      <t>ロウジン</t>
    </rPh>
    <rPh sb="19" eb="21">
      <t>タンキ</t>
    </rPh>
    <rPh sb="21" eb="23">
      <t>ニュウショ</t>
    </rPh>
    <rPh sb="23" eb="25">
      <t>シセツ</t>
    </rPh>
    <phoneticPr fontId="1"/>
  </si>
  <si>
    <t>②上記以外の老人短期入所施設</t>
    <rPh sb="1" eb="3">
      <t>ジョウキ</t>
    </rPh>
    <rPh sb="3" eb="5">
      <t>イガイ</t>
    </rPh>
    <rPh sb="6" eb="8">
      <t>ロウジン</t>
    </rPh>
    <rPh sb="8" eb="10">
      <t>タンキ</t>
    </rPh>
    <rPh sb="10" eb="12">
      <t>ニュウショ</t>
    </rPh>
    <rPh sb="12" eb="14">
      <t>シセツ</t>
    </rPh>
    <phoneticPr fontId="1"/>
  </si>
  <si>
    <t>③介護老人保健施設</t>
    <rPh sb="1" eb="3">
      <t>カイゴ</t>
    </rPh>
    <rPh sb="3" eb="5">
      <t>ロウジン</t>
    </rPh>
    <rPh sb="5" eb="7">
      <t>ホケン</t>
    </rPh>
    <rPh sb="7" eb="9">
      <t>シセツ</t>
    </rPh>
    <phoneticPr fontId="1"/>
  </si>
  <si>
    <t>④介護医療院</t>
    <rPh sb="1" eb="3">
      <t>カイゴ</t>
    </rPh>
    <rPh sb="3" eb="5">
      <t>イリョウ</t>
    </rPh>
    <rPh sb="5" eb="6">
      <t>イン</t>
    </rPh>
    <phoneticPr fontId="1"/>
  </si>
  <si>
    <t>⑤養護老人ホーム</t>
    <rPh sb="1" eb="3">
      <t>ヨウゴ</t>
    </rPh>
    <rPh sb="3" eb="5">
      <t>ロウジン</t>
    </rPh>
    <phoneticPr fontId="1"/>
  </si>
  <si>
    <t>⑥軽費老人ホーム（ケアハウス・A型・B型）</t>
    <rPh sb="1" eb="3">
      <t>ケイヒ</t>
    </rPh>
    <rPh sb="3" eb="5">
      <t>ロウジン</t>
    </rPh>
    <rPh sb="16" eb="17">
      <t>ガタ</t>
    </rPh>
    <rPh sb="19" eb="20">
      <t>ガタ</t>
    </rPh>
    <phoneticPr fontId="1"/>
  </si>
  <si>
    <t>⑦有料老人ホーム</t>
    <rPh sb="1" eb="3">
      <t>ユウリョウ</t>
    </rPh>
    <rPh sb="3" eb="5">
      <t>ロウジン</t>
    </rPh>
    <phoneticPr fontId="1"/>
  </si>
  <si>
    <t>⑧地域密着型特別養護老人ホーム及び併設される老人短期入所施設</t>
    <rPh sb="1" eb="3">
      <t>チイキ</t>
    </rPh>
    <rPh sb="3" eb="6">
      <t>ミッチャクガタ</t>
    </rPh>
    <rPh sb="6" eb="8">
      <t>トクベツ</t>
    </rPh>
    <rPh sb="8" eb="10">
      <t>ヨウゴ</t>
    </rPh>
    <rPh sb="10" eb="12">
      <t>ロウジン</t>
    </rPh>
    <rPh sb="15" eb="16">
      <t>オヨ</t>
    </rPh>
    <rPh sb="17" eb="19">
      <t>ヘイセツ</t>
    </rPh>
    <rPh sb="22" eb="24">
      <t>ロウジン</t>
    </rPh>
    <rPh sb="24" eb="26">
      <t>タンキ</t>
    </rPh>
    <rPh sb="26" eb="28">
      <t>ニュウショ</t>
    </rPh>
    <rPh sb="28" eb="30">
      <t>シセツ</t>
    </rPh>
    <phoneticPr fontId="1"/>
  </si>
  <si>
    <t>⑨上記以外の小規模老人短期入所施設</t>
    <rPh sb="1" eb="3">
      <t>ジョウキ</t>
    </rPh>
    <rPh sb="3" eb="5">
      <t>イガイ</t>
    </rPh>
    <rPh sb="6" eb="9">
      <t>ショウキボ</t>
    </rPh>
    <rPh sb="9" eb="11">
      <t>ロウジン</t>
    </rPh>
    <rPh sb="11" eb="13">
      <t>タンキ</t>
    </rPh>
    <rPh sb="13" eb="15">
      <t>ニュウショ</t>
    </rPh>
    <rPh sb="15" eb="17">
      <t>シセツ</t>
    </rPh>
    <phoneticPr fontId="1"/>
  </si>
  <si>
    <t>⑩小規模老人保健施設</t>
    <rPh sb="1" eb="4">
      <t>ショウキボ</t>
    </rPh>
    <rPh sb="4" eb="6">
      <t>ロウジン</t>
    </rPh>
    <rPh sb="6" eb="8">
      <t>ホケン</t>
    </rPh>
    <rPh sb="8" eb="10">
      <t>シセツ</t>
    </rPh>
    <phoneticPr fontId="1"/>
  </si>
  <si>
    <t>⑪小規模介護医療院</t>
    <rPh sb="1" eb="4">
      <t>ショウキボ</t>
    </rPh>
    <rPh sb="4" eb="6">
      <t>カイゴ</t>
    </rPh>
    <rPh sb="6" eb="8">
      <t>イリョウ</t>
    </rPh>
    <rPh sb="8" eb="9">
      <t>イン</t>
    </rPh>
    <phoneticPr fontId="1"/>
  </si>
  <si>
    <t>⑫小規模養護老人ホーム</t>
    <rPh sb="1" eb="4">
      <t>ショウキボ</t>
    </rPh>
    <rPh sb="4" eb="6">
      <t>ヨウゴ</t>
    </rPh>
    <rPh sb="6" eb="8">
      <t>ロウジン</t>
    </rPh>
    <phoneticPr fontId="1"/>
  </si>
  <si>
    <t>⑬小規模ケアハウス</t>
    <rPh sb="1" eb="4">
      <t>ショウキボ</t>
    </rPh>
    <phoneticPr fontId="1"/>
  </si>
  <si>
    <t>⑭都市型軽費老人ホーム</t>
    <rPh sb="1" eb="4">
      <t>トシガタ</t>
    </rPh>
    <rPh sb="4" eb="6">
      <t>ケイヒ</t>
    </rPh>
    <rPh sb="6" eb="8">
      <t>ロウジン</t>
    </rPh>
    <phoneticPr fontId="1"/>
  </si>
  <si>
    <t>⑮小規模有料老人ホーム</t>
    <rPh sb="1" eb="4">
      <t>ショウキボ</t>
    </rPh>
    <rPh sb="4" eb="6">
      <t>ユウリョウ</t>
    </rPh>
    <rPh sb="6" eb="8">
      <t>ロウジン</t>
    </rPh>
    <phoneticPr fontId="1"/>
  </si>
  <si>
    <t>⑯認知症高齢者グループホーム</t>
    <rPh sb="1" eb="4">
      <t>ニンチショウ</t>
    </rPh>
    <rPh sb="4" eb="7">
      <t>コウレイシャ</t>
    </rPh>
    <phoneticPr fontId="1"/>
  </si>
  <si>
    <t>⑰小規模多機能型居宅介護事業所</t>
    <rPh sb="1" eb="4">
      <t>ショウキボ</t>
    </rPh>
    <rPh sb="4" eb="8">
      <t>タキノウガタ</t>
    </rPh>
    <rPh sb="8" eb="10">
      <t>キョタク</t>
    </rPh>
    <rPh sb="10" eb="12">
      <t>カイゴ</t>
    </rPh>
    <rPh sb="12" eb="15">
      <t>ジギョウショ</t>
    </rPh>
    <phoneticPr fontId="1"/>
  </si>
  <si>
    <t>⑱看護小規模多機能型居宅介護事業所</t>
    <rPh sb="1" eb="3">
      <t>カンゴ</t>
    </rPh>
    <rPh sb="3" eb="6">
      <t>ショウキボ</t>
    </rPh>
    <rPh sb="6" eb="10">
      <t>タキノウガタ</t>
    </rPh>
    <rPh sb="10" eb="12">
      <t>キョタク</t>
    </rPh>
    <rPh sb="12" eb="14">
      <t>カイゴ</t>
    </rPh>
    <rPh sb="14" eb="17">
      <t>ジギョウショ</t>
    </rPh>
    <phoneticPr fontId="1"/>
  </si>
  <si>
    <t>⑲生活支援ハウス</t>
    <rPh sb="1" eb="3">
      <t>セイカツ</t>
    </rPh>
    <rPh sb="3" eb="5">
      <t>シエン</t>
    </rPh>
    <phoneticPr fontId="1"/>
  </si>
  <si>
    <t>・「延べ人数」とは、例として右のような考え方となります。　（例）　一施設に1日15人が365日間利用した場合　　15×365＝5,475　（5,475を記入）</t>
    <rPh sb="14" eb="15">
      <t>ミギ</t>
    </rPh>
    <phoneticPr fontId="1"/>
  </si>
  <si>
    <t>・「延べ人数」とは、例として以下のような考え方となる。　（例）　一施設に1日15人が365日間利用した場合　　15×365＝5,475　（5,475を記入）</t>
    <phoneticPr fontId="4"/>
  </si>
  <si>
    <t>国土強靭化地域計画への明記</t>
    <rPh sb="11" eb="13">
      <t>メイキ</t>
    </rPh>
    <phoneticPr fontId="1"/>
  </si>
  <si>
    <r>
      <t xml:space="preserve">実施主体
（自治体名）
</t>
    </r>
    <r>
      <rPr>
        <sz val="12"/>
        <color rgb="FFFF0000"/>
        <rFont val="游ゴシック"/>
        <family val="3"/>
        <charset val="128"/>
      </rPr>
      <t>※運営法人名は入れないこと</t>
    </r>
    <rPh sb="0" eb="2">
      <t>ジッシ</t>
    </rPh>
    <rPh sb="2" eb="4">
      <t>シュタイ</t>
    </rPh>
    <rPh sb="6" eb="9">
      <t>ジチタイ</t>
    </rPh>
    <rPh sb="9" eb="10">
      <t>メイ</t>
    </rPh>
    <phoneticPr fontId="1"/>
  </si>
  <si>
    <t>対象経費の実支出（予定）額の１／２
（千円）</t>
    <rPh sb="0" eb="2">
      <t>タイショウ</t>
    </rPh>
    <rPh sb="2" eb="4">
      <t>ケイヒ</t>
    </rPh>
    <rPh sb="5" eb="8">
      <t>ジツシシュツ</t>
    </rPh>
    <rPh sb="9" eb="11">
      <t>ヨテイ</t>
    </rPh>
    <rPh sb="12" eb="13">
      <t>ガク</t>
    </rPh>
    <rPh sb="19" eb="21">
      <t>センエン</t>
    </rPh>
    <phoneticPr fontId="1"/>
  </si>
  <si>
    <t>実施主体
（自治体名）</t>
    <rPh sb="0" eb="2">
      <t>ジッシ</t>
    </rPh>
    <rPh sb="2" eb="4">
      <t>シュタイ</t>
    </rPh>
    <rPh sb="6" eb="9">
      <t>ジチタイ</t>
    </rPh>
    <rPh sb="9" eb="10">
      <t>メイ</t>
    </rPh>
    <phoneticPr fontId="1"/>
  </si>
  <si>
    <r>
      <rPr>
        <sz val="10"/>
        <color rgb="FFFF0000"/>
        <rFont val="游ゴシック"/>
        <family val="3"/>
        <charset val="128"/>
      </rPr>
      <t>対象経費の実支出（予定）額の
１／２</t>
    </r>
    <r>
      <rPr>
        <sz val="10"/>
        <color theme="1"/>
        <rFont val="游ゴシック"/>
        <family val="3"/>
        <charset val="128"/>
      </rPr>
      <t xml:space="preserve">
（千円）</t>
    </r>
    <rPh sb="0" eb="2">
      <t>タイショウ</t>
    </rPh>
    <rPh sb="2" eb="4">
      <t>ケイヒ</t>
    </rPh>
    <rPh sb="5" eb="8">
      <t>ジツシシュツ</t>
    </rPh>
    <rPh sb="9" eb="11">
      <t>ヨテイ</t>
    </rPh>
    <rPh sb="12" eb="13">
      <t>ガク</t>
    </rPh>
    <rPh sb="20" eb="22">
      <t>センエン</t>
    </rPh>
    <phoneticPr fontId="1"/>
  </si>
  <si>
    <t>AD列が「○」の場合、その理由説明資料を提出した</t>
    <rPh sb="2" eb="3">
      <t>レツ</t>
    </rPh>
    <rPh sb="8" eb="10">
      <t>バアイ</t>
    </rPh>
    <rPh sb="13" eb="15">
      <t>リユウ</t>
    </rPh>
    <rPh sb="15" eb="17">
      <t>セツメイ</t>
    </rPh>
    <rPh sb="17" eb="19">
      <t>シリョウ</t>
    </rPh>
    <rPh sb="20" eb="22">
      <t>テイシュツ</t>
    </rPh>
    <phoneticPr fontId="1"/>
  </si>
  <si>
    <r>
      <rPr>
        <sz val="12"/>
        <color rgb="FFFF0000"/>
        <rFont val="游ゴシック"/>
        <family val="3"/>
        <charset val="128"/>
      </rPr>
      <t xml:space="preserve">対象経費の実支出（予定）額の
１／２
</t>
    </r>
    <r>
      <rPr>
        <sz val="12"/>
        <color theme="1"/>
        <rFont val="游ゴシック"/>
        <family val="3"/>
        <charset val="128"/>
      </rPr>
      <t>（千円）</t>
    </r>
    <phoneticPr fontId="1"/>
  </si>
  <si>
    <t>建物の構造
リストから選択</t>
    <rPh sb="0" eb="2">
      <t>タテモノ</t>
    </rPh>
    <rPh sb="3" eb="5">
      <t>コウゾウ</t>
    </rPh>
    <rPh sb="11" eb="13">
      <t>センタク</t>
    </rPh>
    <phoneticPr fontId="1"/>
  </si>
  <si>
    <r>
      <t xml:space="preserve">都道府県
</t>
    </r>
    <r>
      <rPr>
        <u/>
        <sz val="16"/>
        <color theme="1"/>
        <rFont val="游ゴシック"/>
        <family val="3"/>
        <charset val="128"/>
      </rPr>
      <t>（入力不要）</t>
    </r>
    <rPh sb="0" eb="4">
      <t>トドウフケン</t>
    </rPh>
    <rPh sb="6" eb="8">
      <t>ニュウリョク</t>
    </rPh>
    <rPh sb="8" eb="10">
      <t>フヨウ</t>
    </rPh>
    <phoneticPr fontId="1"/>
  </si>
  <si>
    <r>
      <t xml:space="preserve">実施主体
</t>
    </r>
    <r>
      <rPr>
        <b/>
        <u/>
        <sz val="16"/>
        <color theme="1"/>
        <rFont val="游ゴシック"/>
        <family val="3"/>
        <charset val="128"/>
      </rPr>
      <t>（自治体名）</t>
    </r>
    <rPh sb="0" eb="2">
      <t>ジッシ</t>
    </rPh>
    <rPh sb="2" eb="4">
      <t>シュタイ</t>
    </rPh>
    <rPh sb="6" eb="9">
      <t>ジチタイ</t>
    </rPh>
    <rPh sb="9" eb="10">
      <t>メイ</t>
    </rPh>
    <phoneticPr fontId="1"/>
  </si>
  <si>
    <r>
      <t xml:space="preserve">対象経費の実支出（予定）額の
１／２
</t>
    </r>
    <r>
      <rPr>
        <sz val="12"/>
        <color theme="1"/>
        <rFont val="游ゴシック"/>
        <family val="3"/>
        <charset val="128"/>
      </rPr>
      <t>（千円）</t>
    </r>
    <phoneticPr fontId="1"/>
  </si>
  <si>
    <t>BCPの策定状況</t>
    <phoneticPr fontId="1"/>
  </si>
  <si>
    <t>社会福祉連携推進法人等による高齢者施設等の防災改修等支援事業</t>
    <rPh sb="0" eb="2">
      <t>シャカイ</t>
    </rPh>
    <rPh sb="2" eb="4">
      <t>フクシ</t>
    </rPh>
    <rPh sb="4" eb="6">
      <t>レンケイ</t>
    </rPh>
    <rPh sb="6" eb="8">
      <t>スイシン</t>
    </rPh>
    <rPh sb="8" eb="10">
      <t>ホウジン</t>
    </rPh>
    <rPh sb="10" eb="11">
      <t>トウ</t>
    </rPh>
    <rPh sb="21" eb="23">
      <t>ボウサイ</t>
    </rPh>
    <rPh sb="23" eb="26">
      <t>カイシュウトウ</t>
    </rPh>
    <rPh sb="26" eb="28">
      <t>シエン</t>
    </rPh>
    <rPh sb="28" eb="30">
      <t>ジギョウ</t>
    </rPh>
    <phoneticPr fontId="1"/>
  </si>
  <si>
    <t>BC列が「○」の場合、面積按分を行っているか</t>
    <phoneticPr fontId="1"/>
  </si>
  <si>
    <t>BB列が「○」の場合、面積按分を行っているか</t>
    <phoneticPr fontId="1"/>
  </si>
  <si>
    <t>AF列が「○」の場合、面積按分を行っている</t>
    <rPh sb="2" eb="3">
      <t>レツ</t>
    </rPh>
    <rPh sb="8" eb="10">
      <t>バアイ</t>
    </rPh>
    <rPh sb="11" eb="13">
      <t>メンセキ</t>
    </rPh>
    <rPh sb="13" eb="15">
      <t>アンブン</t>
    </rPh>
    <rPh sb="16" eb="17">
      <t>オコナ</t>
    </rPh>
    <phoneticPr fontId="1"/>
  </si>
  <si>
    <t>AE列が「○」の場合、その理由説明資料を提出した</t>
    <rPh sb="2" eb="3">
      <t>レツ</t>
    </rPh>
    <rPh sb="8" eb="10">
      <t>バアイ</t>
    </rPh>
    <rPh sb="13" eb="15">
      <t>リユウ</t>
    </rPh>
    <rPh sb="15" eb="17">
      <t>セツメイ</t>
    </rPh>
    <rPh sb="17" eb="19">
      <t>シリョウ</t>
    </rPh>
    <rPh sb="20" eb="22">
      <t>テイシュツ</t>
    </rPh>
    <phoneticPr fontId="1"/>
  </si>
  <si>
    <t>AG列が「○」の場合、面積按分を行っているか</t>
    <rPh sb="2" eb="3">
      <t>レツ</t>
    </rPh>
    <rPh sb="8" eb="10">
      <t>バアイ</t>
    </rPh>
    <rPh sb="11" eb="13">
      <t>メンセキ</t>
    </rPh>
    <rPh sb="13" eb="15">
      <t>アンブン</t>
    </rPh>
    <rPh sb="16" eb="17">
      <t>オコナ</t>
    </rPh>
    <phoneticPr fontId="1"/>
  </si>
  <si>
    <t>AC列が「○」の場合、面積按分を行っているか</t>
    <rPh sb="2" eb="3">
      <t>レツ</t>
    </rPh>
    <rPh sb="8" eb="10">
      <t>バアイ</t>
    </rPh>
    <rPh sb="11" eb="13">
      <t>メンセキ</t>
    </rPh>
    <rPh sb="13" eb="15">
      <t>アンブン</t>
    </rPh>
    <rPh sb="16" eb="17">
      <t>オコナ</t>
    </rPh>
    <phoneticPr fontId="1"/>
  </si>
  <si>
    <t>全入所（居）者、利用者の数（延べ人数）
（R６.４.1時点）</t>
    <rPh sb="0" eb="1">
      <t>ゼン</t>
    </rPh>
    <rPh sb="1" eb="3">
      <t>ニュウショ</t>
    </rPh>
    <rPh sb="4" eb="5">
      <t>キョ</t>
    </rPh>
    <rPh sb="6" eb="7">
      <t>シャ</t>
    </rPh>
    <rPh sb="8" eb="11">
      <t>リヨウシャ</t>
    </rPh>
    <rPh sb="12" eb="13">
      <t>カズ</t>
    </rPh>
    <rPh sb="14" eb="15">
      <t>ノ</t>
    </rPh>
    <rPh sb="16" eb="18">
      <t>ニンズウ</t>
    </rPh>
    <phoneticPr fontId="1"/>
  </si>
  <si>
    <t>左のうち、医療的配慮（人工呼吸器・酸素療法・喀痰吸引等）が必要な者
（延べ人数）
（R６.４.1時点）</t>
    <rPh sb="0" eb="1">
      <t>ヒダリ</t>
    </rPh>
    <rPh sb="5" eb="8">
      <t>イリョウテキ</t>
    </rPh>
    <rPh sb="8" eb="10">
      <t>ハイリョ</t>
    </rPh>
    <rPh sb="11" eb="13">
      <t>ジンコウ</t>
    </rPh>
    <rPh sb="13" eb="16">
      <t>コキュウキ</t>
    </rPh>
    <rPh sb="17" eb="21">
      <t>サンソリョウホウ</t>
    </rPh>
    <rPh sb="22" eb="24">
      <t>カクタン</t>
    </rPh>
    <rPh sb="24" eb="26">
      <t>キュウイン</t>
    </rPh>
    <rPh sb="26" eb="27">
      <t>ナド</t>
    </rPh>
    <rPh sb="29" eb="31">
      <t>ヒツヨウ</t>
    </rPh>
    <rPh sb="32" eb="33">
      <t>モノ</t>
    </rPh>
    <rPh sb="35" eb="36">
      <t>ノ</t>
    </rPh>
    <rPh sb="37" eb="39">
      <t>ニンズウ</t>
    </rPh>
    <phoneticPr fontId="1"/>
  </si>
  <si>
    <t>全入所（居）者、利用者の数（延べ人数）
（R６４.1時点）</t>
    <rPh sb="0" eb="1">
      <t>ゼン</t>
    </rPh>
    <rPh sb="1" eb="3">
      <t>ニュウショ</t>
    </rPh>
    <rPh sb="4" eb="5">
      <t>キョ</t>
    </rPh>
    <rPh sb="6" eb="7">
      <t>シャ</t>
    </rPh>
    <rPh sb="8" eb="11">
      <t>リヨウシャ</t>
    </rPh>
    <rPh sb="12" eb="13">
      <t>カズ</t>
    </rPh>
    <rPh sb="14" eb="15">
      <t>ノ</t>
    </rPh>
    <rPh sb="16" eb="18">
      <t>ニンズウ</t>
    </rPh>
    <phoneticPr fontId="1"/>
  </si>
  <si>
    <t>左のうち、医療的配慮（人工呼吸器・酸素療法・喀痰吸引等）が必要な者
（延べ人数）（R６.４.1時点）</t>
    <rPh sb="0" eb="1">
      <t>ヒダリ</t>
    </rPh>
    <rPh sb="5" eb="8">
      <t>イリョウテキ</t>
    </rPh>
    <rPh sb="8" eb="10">
      <t>ハイリョ</t>
    </rPh>
    <rPh sb="11" eb="13">
      <t>ジンコウ</t>
    </rPh>
    <rPh sb="13" eb="16">
      <t>コキュウキ</t>
    </rPh>
    <rPh sb="17" eb="21">
      <t>サンソリョウホウ</t>
    </rPh>
    <rPh sb="22" eb="24">
      <t>カクタン</t>
    </rPh>
    <rPh sb="24" eb="26">
      <t>キュウイン</t>
    </rPh>
    <rPh sb="26" eb="27">
      <t>ナド</t>
    </rPh>
    <rPh sb="29" eb="31">
      <t>ヒツヨウ</t>
    </rPh>
    <rPh sb="32" eb="33">
      <t>モノ</t>
    </rPh>
    <rPh sb="35" eb="36">
      <t>ノ</t>
    </rPh>
    <rPh sb="37" eb="39">
      <t>ニンズ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411]ggge&quot;年&quot;m&quot;月&quot;d&quot;日&quot;;@"/>
    <numFmt numFmtId="177" formatCode="#,##0_ "/>
    <numFmt numFmtId="178" formatCode="#,##0_);[Red]\(#,##0\)"/>
    <numFmt numFmtId="179" formatCode="#,##0.000_ "/>
    <numFmt numFmtId="180" formatCode="0.0%"/>
  </numFmts>
  <fonts count="52">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1"/>
      <color theme="1"/>
      <name val="ＭＳ Ｐゴシック"/>
      <family val="3"/>
      <charset val="128"/>
      <scheme val="minor"/>
    </font>
    <font>
      <sz val="6"/>
      <name val="ＭＳ Ｐゴシック"/>
      <family val="3"/>
      <charset val="128"/>
      <scheme val="minor"/>
    </font>
    <font>
      <sz val="11"/>
      <color theme="1"/>
      <name val="ＭＳ Ｐゴシック"/>
      <family val="2"/>
      <charset val="128"/>
      <scheme val="minor"/>
    </font>
    <font>
      <sz val="10"/>
      <color theme="1"/>
      <name val="ＭＳ Ｐゴシック"/>
      <family val="3"/>
      <charset val="128"/>
    </font>
    <font>
      <sz val="11"/>
      <color theme="1"/>
      <name val="ＭＳ Ｐゴシック"/>
      <family val="3"/>
      <charset val="128"/>
    </font>
    <font>
      <sz val="12"/>
      <color theme="1"/>
      <name val="ＭＳ Ｐゴシック"/>
      <family val="3"/>
      <charset val="128"/>
    </font>
    <font>
      <sz val="14"/>
      <color theme="1"/>
      <name val="ＭＳ Ｐゴシック"/>
      <family val="3"/>
      <charset val="128"/>
    </font>
    <font>
      <sz val="14"/>
      <color theme="1"/>
      <name val="ＭＳ Ｐゴシック"/>
      <family val="3"/>
      <charset val="128"/>
      <scheme val="minor"/>
    </font>
    <font>
      <sz val="6"/>
      <name val="ＭＳ Ｐゴシック"/>
      <family val="3"/>
      <charset val="128"/>
    </font>
    <font>
      <sz val="10"/>
      <color rgb="FFFF0000"/>
      <name val="ＭＳ Ｐゴシック"/>
      <family val="3"/>
      <charset val="128"/>
    </font>
    <font>
      <b/>
      <sz val="14"/>
      <color theme="1"/>
      <name val="ＭＳ Ｐゴシック"/>
      <family val="3"/>
      <charset val="128"/>
    </font>
    <font>
      <sz val="14"/>
      <color theme="1"/>
      <name val="游ゴシック"/>
      <family val="3"/>
      <charset val="128"/>
    </font>
    <font>
      <sz val="10"/>
      <color theme="1"/>
      <name val="游ゴシック"/>
      <family val="3"/>
      <charset val="128"/>
    </font>
    <font>
      <sz val="12"/>
      <color theme="1"/>
      <name val="游ゴシック"/>
      <family val="3"/>
      <charset val="128"/>
    </font>
    <font>
      <b/>
      <sz val="12"/>
      <color rgb="FFFF0000"/>
      <name val="游ゴシック"/>
      <family val="3"/>
      <charset val="128"/>
    </font>
    <font>
      <sz val="11"/>
      <color theme="1"/>
      <name val="游ゴシック"/>
      <family val="3"/>
      <charset val="128"/>
    </font>
    <font>
      <sz val="11"/>
      <name val="游ゴシック"/>
      <family val="3"/>
      <charset val="128"/>
    </font>
    <font>
      <sz val="10"/>
      <name val="游ゴシック"/>
      <family val="3"/>
      <charset val="128"/>
    </font>
    <font>
      <sz val="14"/>
      <name val="游ゴシック"/>
      <family val="3"/>
      <charset val="128"/>
    </font>
    <font>
      <b/>
      <sz val="14"/>
      <color rgb="FFFF0000"/>
      <name val="游ゴシック"/>
      <family val="3"/>
      <charset val="128"/>
    </font>
    <font>
      <b/>
      <sz val="18"/>
      <color theme="1"/>
      <name val="游ゴシック"/>
      <family val="3"/>
      <charset val="128"/>
    </font>
    <font>
      <sz val="20"/>
      <color theme="1"/>
      <name val="游ゴシック"/>
      <family val="3"/>
      <charset val="128"/>
    </font>
    <font>
      <b/>
      <sz val="20"/>
      <color rgb="FFFF0000"/>
      <name val="游ゴシック"/>
      <family val="3"/>
      <charset val="128"/>
    </font>
    <font>
      <u/>
      <sz val="20"/>
      <color theme="1"/>
      <name val="游ゴシック"/>
      <family val="3"/>
      <charset val="128"/>
    </font>
    <font>
      <b/>
      <u/>
      <sz val="20"/>
      <color theme="1"/>
      <name val="游ゴシック"/>
      <family val="3"/>
      <charset val="128"/>
    </font>
    <font>
      <sz val="20"/>
      <name val="游ゴシック"/>
      <family val="3"/>
      <charset val="128"/>
    </font>
    <font>
      <sz val="18"/>
      <color theme="1"/>
      <name val="游ゴシック"/>
      <family val="3"/>
      <charset val="128"/>
    </font>
    <font>
      <sz val="26"/>
      <color theme="1"/>
      <name val="游ゴシック"/>
      <family val="3"/>
      <charset val="128"/>
    </font>
    <font>
      <b/>
      <sz val="16"/>
      <color rgb="FFFF0000"/>
      <name val="游ゴシック"/>
      <family val="3"/>
      <charset val="128"/>
    </font>
    <font>
      <sz val="16"/>
      <color theme="1"/>
      <name val="游ゴシック"/>
      <family val="3"/>
      <charset val="128"/>
    </font>
    <font>
      <sz val="10"/>
      <color rgb="FF000000"/>
      <name val="游ゴシック"/>
      <family val="3"/>
      <charset val="128"/>
    </font>
    <font>
      <sz val="12"/>
      <name val="游ゴシック"/>
      <family val="3"/>
      <charset val="128"/>
    </font>
    <font>
      <b/>
      <sz val="10"/>
      <color rgb="FFFF0000"/>
      <name val="游ゴシック"/>
      <family val="3"/>
      <charset val="128"/>
    </font>
    <font>
      <sz val="22"/>
      <color theme="1"/>
      <name val="游ゴシック"/>
      <family val="3"/>
      <charset val="128"/>
    </font>
    <font>
      <sz val="10"/>
      <color theme="1"/>
      <name val="Yu Gothic Medium"/>
      <family val="2"/>
      <charset val="128"/>
    </font>
    <font>
      <sz val="10"/>
      <color theme="1"/>
      <name val="Yu Gothic Medium"/>
      <family val="3"/>
      <charset val="128"/>
    </font>
    <font>
      <sz val="11"/>
      <name val="Yu Gothic Medium"/>
      <family val="2"/>
      <charset val="128"/>
    </font>
    <font>
      <sz val="11"/>
      <name val="Yu Gothic Medium"/>
      <family val="3"/>
      <charset val="128"/>
    </font>
    <font>
      <sz val="10"/>
      <name val="Yu Gothic Medium"/>
      <family val="3"/>
      <charset val="128"/>
    </font>
    <font>
      <sz val="11"/>
      <color theme="1"/>
      <name val="Yu Gothic Medium"/>
      <family val="3"/>
      <charset val="128"/>
    </font>
    <font>
      <sz val="11"/>
      <color rgb="FFFF0000"/>
      <name val="Yu Gothic Medium"/>
      <family val="3"/>
      <charset val="128"/>
    </font>
    <font>
      <sz val="10"/>
      <name val="Yu Gothic Medium"/>
      <family val="2"/>
      <charset val="128"/>
    </font>
    <font>
      <sz val="12"/>
      <color rgb="FFFF0000"/>
      <name val="游ゴシック"/>
      <family val="3"/>
      <charset val="128"/>
    </font>
    <font>
      <sz val="10"/>
      <color rgb="FFFF0000"/>
      <name val="游ゴシック"/>
      <family val="3"/>
      <charset val="128"/>
    </font>
    <font>
      <u/>
      <sz val="16"/>
      <color theme="1"/>
      <name val="游ゴシック"/>
      <family val="3"/>
      <charset val="128"/>
    </font>
    <font>
      <b/>
      <u/>
      <sz val="16"/>
      <color theme="1"/>
      <name val="游ゴシック"/>
      <family val="3"/>
      <charset val="128"/>
    </font>
    <font>
      <sz val="16"/>
      <color rgb="FFFF0000"/>
      <name val="游ゴシック"/>
      <family val="3"/>
      <charset val="128"/>
    </font>
    <font>
      <sz val="16"/>
      <name val="游ゴシック"/>
      <family val="3"/>
      <charset val="128"/>
    </font>
    <font>
      <b/>
      <sz val="14"/>
      <color theme="1"/>
      <name val="游ゴシック"/>
      <family val="3"/>
      <charset val="128"/>
    </font>
  </fonts>
  <fills count="7">
    <fill>
      <patternFill patternType="none"/>
    </fill>
    <fill>
      <patternFill patternType="gray125"/>
    </fill>
    <fill>
      <patternFill patternType="solid">
        <fgColor rgb="FFFFFF00"/>
        <bgColor indexed="64"/>
      </patternFill>
    </fill>
    <fill>
      <patternFill patternType="solid">
        <fgColor rgb="FFFFFF66"/>
        <bgColor indexed="64"/>
      </patternFill>
    </fill>
    <fill>
      <patternFill patternType="solid">
        <fgColor theme="0" tint="-0.14999847407452621"/>
        <bgColor indexed="64"/>
      </patternFill>
    </fill>
    <fill>
      <patternFill patternType="solid">
        <fgColor rgb="FFFF7C80"/>
        <bgColor indexed="64"/>
      </patternFill>
    </fill>
    <fill>
      <patternFill patternType="solid">
        <fgColor theme="0"/>
        <bgColor indexed="64"/>
      </patternFill>
    </fill>
  </fills>
  <borders count="11">
    <border>
      <left/>
      <right/>
      <top/>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s>
  <cellStyleXfs count="9">
    <xf numFmtId="0" fontId="0" fillId="0" borderId="0">
      <alignment vertical="center"/>
    </xf>
    <xf numFmtId="38" fontId="2" fillId="0" borderId="0" applyFont="0" applyFill="0" applyBorder="0" applyAlignment="0" applyProtection="0">
      <alignment vertical="center"/>
    </xf>
    <xf numFmtId="38" fontId="2" fillId="0" borderId="0" applyFont="0" applyFill="0" applyBorder="0" applyAlignment="0" applyProtection="0"/>
    <xf numFmtId="38" fontId="2" fillId="0" borderId="0" applyFont="0" applyFill="0" applyBorder="0" applyAlignment="0" applyProtection="0">
      <alignment vertical="center"/>
    </xf>
    <xf numFmtId="38" fontId="3" fillId="0" borderId="0" applyFont="0" applyFill="0" applyBorder="0" applyAlignment="0" applyProtection="0">
      <alignment vertical="center"/>
    </xf>
    <xf numFmtId="0" fontId="2" fillId="0" borderId="0"/>
    <xf numFmtId="0" fontId="3" fillId="0" borderId="0">
      <alignment vertical="center"/>
    </xf>
    <xf numFmtId="38" fontId="5" fillId="0" borderId="0" applyFont="0" applyFill="0" applyBorder="0" applyAlignment="0" applyProtection="0">
      <alignment vertical="center"/>
    </xf>
    <xf numFmtId="0" fontId="2" fillId="0" borderId="0"/>
  </cellStyleXfs>
  <cellXfs count="164">
    <xf numFmtId="0" fontId="0" fillId="0" borderId="0" xfId="0">
      <alignment vertical="center"/>
    </xf>
    <xf numFmtId="0" fontId="12" fillId="0" borderId="0" xfId="0" applyFont="1">
      <alignment vertical="center"/>
    </xf>
    <xf numFmtId="3" fontId="6" fillId="0" borderId="0" xfId="0" applyNumberFormat="1" applyFont="1">
      <alignment vertical="center"/>
    </xf>
    <xf numFmtId="0" fontId="6" fillId="0" borderId="0" xfId="0" applyFont="1" applyAlignment="1">
      <alignment horizontal="right" vertical="center"/>
    </xf>
    <xf numFmtId="0" fontId="13" fillId="0" borderId="0" xfId="0" applyFont="1" applyAlignment="1">
      <alignment horizontal="right" vertical="center"/>
    </xf>
    <xf numFmtId="0" fontId="6" fillId="0" borderId="0" xfId="0" applyFont="1">
      <alignment vertical="center"/>
    </xf>
    <xf numFmtId="177" fontId="7" fillId="0" borderId="1" xfId="0" applyNumberFormat="1" applyFont="1" applyBorder="1" applyAlignment="1">
      <alignment vertical="center" wrapText="1"/>
    </xf>
    <xf numFmtId="0" fontId="2" fillId="0" borderId="0" xfId="0" applyFont="1">
      <alignment vertical="center"/>
    </xf>
    <xf numFmtId="0" fontId="8" fillId="0" borderId="0" xfId="0" applyFont="1">
      <alignment vertical="center"/>
    </xf>
    <xf numFmtId="0" fontId="9" fillId="0" borderId="0" xfId="0" applyFont="1">
      <alignment vertical="center"/>
    </xf>
    <xf numFmtId="0" fontId="10" fillId="0" borderId="0" xfId="0" applyFont="1">
      <alignment vertical="center"/>
    </xf>
    <xf numFmtId="38" fontId="2" fillId="0" borderId="0" xfId="0" applyNumberFormat="1" applyFont="1" applyFill="1" applyBorder="1" applyAlignment="1">
      <alignment horizontal="center" vertical="center" shrinkToFit="1"/>
    </xf>
    <xf numFmtId="38" fontId="2" fillId="0" borderId="0" xfId="8" applyNumberFormat="1" applyFont="1" applyFill="1" applyBorder="1" applyAlignment="1">
      <alignment horizontal="center" vertical="center" shrinkToFit="1"/>
    </xf>
    <xf numFmtId="0" fontId="14" fillId="0" borderId="0" xfId="0" applyFont="1">
      <alignment vertical="center"/>
    </xf>
    <xf numFmtId="0" fontId="15" fillId="0" borderId="0" xfId="0" applyFont="1">
      <alignment vertical="center"/>
    </xf>
    <xf numFmtId="0" fontId="16" fillId="0" borderId="0" xfId="0" applyFont="1">
      <alignment vertical="center"/>
    </xf>
    <xf numFmtId="0" fontId="15" fillId="0" borderId="1" xfId="0" applyFont="1" applyBorder="1" applyAlignment="1">
      <alignment vertical="center" wrapText="1"/>
    </xf>
    <xf numFmtId="0" fontId="18" fillId="0" borderId="1" xfId="0" applyFont="1" applyBorder="1" applyAlignment="1">
      <alignment vertical="center" wrapText="1"/>
    </xf>
    <xf numFmtId="0" fontId="19" fillId="2" borderId="1" xfId="0" applyFont="1" applyFill="1" applyBorder="1" applyAlignment="1">
      <alignment horizontal="center" vertical="center" wrapText="1"/>
    </xf>
    <xf numFmtId="0" fontId="15" fillId="0" borderId="1" xfId="0" applyFont="1" applyFill="1" applyBorder="1" applyAlignment="1">
      <alignment vertical="center" wrapText="1"/>
    </xf>
    <xf numFmtId="177" fontId="15" fillId="0" borderId="1" xfId="0" applyNumberFormat="1" applyFont="1" applyFill="1" applyBorder="1" applyAlignment="1">
      <alignment vertical="center" wrapText="1"/>
    </xf>
    <xf numFmtId="38" fontId="20" fillId="0" borderId="1" xfId="3" applyFont="1" applyFill="1" applyBorder="1" applyAlignment="1">
      <alignment vertical="center" wrapText="1"/>
    </xf>
    <xf numFmtId="177" fontId="15" fillId="2" borderId="1" xfId="0" applyNumberFormat="1" applyFont="1" applyFill="1" applyBorder="1" applyAlignment="1">
      <alignment vertical="center" wrapText="1"/>
    </xf>
    <xf numFmtId="179" fontId="15" fillId="0" borderId="1" xfId="0" applyNumberFormat="1" applyFont="1" applyBorder="1" applyAlignment="1">
      <alignment vertical="center" wrapText="1"/>
    </xf>
    <xf numFmtId="0" fontId="18" fillId="0" borderId="1" xfId="0" applyFont="1" applyFill="1" applyBorder="1" applyAlignment="1">
      <alignment horizontal="center" vertical="center" wrapText="1"/>
    </xf>
    <xf numFmtId="0" fontId="14" fillId="0" borderId="0" xfId="0" applyFont="1" applyAlignment="1">
      <alignment vertical="center"/>
    </xf>
    <xf numFmtId="0" fontId="14" fillId="0" borderId="0" xfId="0" applyFont="1" applyFill="1" applyBorder="1">
      <alignment vertical="center"/>
    </xf>
    <xf numFmtId="0" fontId="22" fillId="0" borderId="0" xfId="0" applyFont="1">
      <alignment vertical="center"/>
    </xf>
    <xf numFmtId="0" fontId="23" fillId="0" borderId="0" xfId="0" applyFont="1" applyAlignment="1">
      <alignment vertical="center"/>
    </xf>
    <xf numFmtId="0" fontId="24" fillId="0" borderId="0" xfId="0" applyFont="1">
      <alignment vertical="center"/>
    </xf>
    <xf numFmtId="0" fontId="23" fillId="0" borderId="0" xfId="0" applyFont="1" applyBorder="1" applyAlignment="1">
      <alignment vertical="center"/>
    </xf>
    <xf numFmtId="0" fontId="19" fillId="0" borderId="1" xfId="0" applyFont="1" applyFill="1" applyBorder="1" applyAlignment="1">
      <alignment horizontal="center" vertical="center" wrapText="1"/>
    </xf>
    <xf numFmtId="177" fontId="15" fillId="0" borderId="1" xfId="0" applyNumberFormat="1" applyFont="1" applyBorder="1" applyAlignment="1">
      <alignment vertical="center" wrapText="1"/>
    </xf>
    <xf numFmtId="179" fontId="18" fillId="0" borderId="1" xfId="0" applyNumberFormat="1" applyFont="1" applyBorder="1" applyAlignment="1">
      <alignment vertical="center" wrapText="1"/>
    </xf>
    <xf numFmtId="0" fontId="19" fillId="0" borderId="0" xfId="0" applyFont="1">
      <alignment vertical="center"/>
    </xf>
    <xf numFmtId="38" fontId="19" fillId="0" borderId="0" xfId="0" applyNumberFormat="1" applyFont="1" applyFill="1" applyBorder="1" applyAlignment="1">
      <alignment horizontal="center" vertical="center" shrinkToFit="1"/>
    </xf>
    <xf numFmtId="0" fontId="20" fillId="0" borderId="0" xfId="0" applyFont="1">
      <alignment vertical="center"/>
    </xf>
    <xf numFmtId="38" fontId="19" fillId="0" borderId="0" xfId="8" applyNumberFormat="1" applyFont="1" applyFill="1" applyBorder="1" applyAlignment="1">
      <alignment horizontal="center" vertical="center" shrinkToFit="1"/>
    </xf>
    <xf numFmtId="177" fontId="18" fillId="0" borderId="1" xfId="0" applyNumberFormat="1" applyFont="1" applyBorder="1" applyAlignment="1">
      <alignment vertical="center" wrapText="1"/>
    </xf>
    <xf numFmtId="0" fontId="33" fillId="0" borderId="0" xfId="0" applyFont="1" applyFill="1" applyBorder="1" applyAlignment="1">
      <alignment horizontal="left" vertical="center" readingOrder="1"/>
    </xf>
    <xf numFmtId="0" fontId="33" fillId="0" borderId="0" xfId="0" applyFont="1" applyFill="1" applyBorder="1">
      <alignment vertical="center"/>
    </xf>
    <xf numFmtId="0" fontId="34" fillId="0" borderId="0" xfId="0" applyFont="1">
      <alignment vertical="center"/>
    </xf>
    <xf numFmtId="0" fontId="15" fillId="0" borderId="1" xfId="0" applyFont="1" applyBorder="1">
      <alignment vertical="center"/>
    </xf>
    <xf numFmtId="176" fontId="15" fillId="0" borderId="1" xfId="0" applyNumberFormat="1" applyFont="1" applyBorder="1" applyAlignment="1">
      <alignment vertical="center" wrapText="1"/>
    </xf>
    <xf numFmtId="0" fontId="15" fillId="6" borderId="1" xfId="0" applyFont="1" applyFill="1" applyBorder="1" applyAlignment="1">
      <alignment vertical="center" wrapText="1"/>
    </xf>
    <xf numFmtId="0" fontId="14" fillId="0" borderId="0" xfId="0" applyFont="1" applyBorder="1">
      <alignment vertical="center"/>
    </xf>
    <xf numFmtId="0" fontId="18" fillId="0" borderId="0" xfId="0" applyFont="1" applyAlignment="1">
      <alignment horizontal="center" vertical="center"/>
    </xf>
    <xf numFmtId="0" fontId="6" fillId="6" borderId="0" xfId="0" applyFont="1" applyFill="1">
      <alignment vertical="center"/>
    </xf>
    <xf numFmtId="0" fontId="18" fillId="0" borderId="1" xfId="0" applyFont="1" applyFill="1" applyBorder="1" applyAlignment="1">
      <alignment vertical="center" wrapText="1"/>
    </xf>
    <xf numFmtId="0" fontId="14" fillId="0" borderId="1" xfId="0" applyFont="1" applyBorder="1">
      <alignment vertical="center"/>
    </xf>
    <xf numFmtId="0" fontId="16" fillId="0" borderId="1" xfId="0" applyFont="1" applyFill="1" applyBorder="1" applyAlignment="1">
      <alignment horizontal="center" vertical="center"/>
    </xf>
    <xf numFmtId="0" fontId="16" fillId="0" borderId="1" xfId="0" applyFont="1" applyFill="1" applyBorder="1" applyAlignment="1">
      <alignment horizontal="center" vertical="center" wrapText="1"/>
    </xf>
    <xf numFmtId="0" fontId="16" fillId="2" borderId="1" xfId="0" applyFont="1" applyFill="1" applyBorder="1" applyAlignment="1">
      <alignment horizontal="center" vertical="center" wrapText="1"/>
    </xf>
    <xf numFmtId="0" fontId="16" fillId="0" borderId="1" xfId="0" applyFont="1" applyBorder="1" applyAlignment="1">
      <alignment horizontal="center" vertical="center" wrapText="1"/>
    </xf>
    <xf numFmtId="0" fontId="17" fillId="2" borderId="1" xfId="0" applyFont="1" applyFill="1" applyBorder="1" applyAlignment="1">
      <alignment horizontal="center" vertical="center" wrapText="1"/>
    </xf>
    <xf numFmtId="38" fontId="15" fillId="0" borderId="1" xfId="7" applyFont="1" applyFill="1" applyBorder="1" applyAlignment="1">
      <alignment horizontal="center" vertical="center" wrapText="1"/>
    </xf>
    <xf numFmtId="38" fontId="16" fillId="2" borderId="1" xfId="7" applyFont="1" applyFill="1" applyBorder="1" applyAlignment="1">
      <alignment horizontal="center" vertical="center" wrapText="1"/>
    </xf>
    <xf numFmtId="0" fontId="15" fillId="0" borderId="1" xfId="0" applyFont="1" applyBorder="1" applyAlignment="1">
      <alignment horizontal="center" vertical="center" wrapText="1"/>
    </xf>
    <xf numFmtId="178" fontId="15" fillId="0" borderId="1" xfId="0" applyNumberFormat="1" applyFont="1" applyBorder="1" applyAlignment="1">
      <alignment vertical="center" wrapText="1"/>
    </xf>
    <xf numFmtId="180" fontId="15" fillId="2" borderId="1" xfId="0" applyNumberFormat="1" applyFont="1" applyFill="1" applyBorder="1" applyAlignment="1">
      <alignment vertical="center" wrapText="1"/>
    </xf>
    <xf numFmtId="38" fontId="18" fillId="0" borderId="1" xfId="7" applyFont="1" applyFill="1" applyBorder="1" applyAlignment="1">
      <alignment horizontal="center" vertical="center" wrapText="1"/>
    </xf>
    <xf numFmtId="0" fontId="15" fillId="0" borderId="0" xfId="0" applyFont="1" applyBorder="1">
      <alignment vertical="center"/>
    </xf>
    <xf numFmtId="38" fontId="18" fillId="6" borderId="1" xfId="7" applyFont="1" applyFill="1" applyBorder="1" applyAlignment="1">
      <alignment horizontal="center" vertical="center" wrapText="1"/>
    </xf>
    <xf numFmtId="180" fontId="15" fillId="6" borderId="1" xfId="0" applyNumberFormat="1" applyFont="1" applyFill="1" applyBorder="1" applyAlignment="1">
      <alignment vertical="center" wrapText="1"/>
    </xf>
    <xf numFmtId="0" fontId="15" fillId="0" borderId="1" xfId="0" applyFont="1" applyFill="1" applyBorder="1" applyAlignment="1">
      <alignment horizontal="center" vertical="center" wrapText="1"/>
    </xf>
    <xf numFmtId="0" fontId="22" fillId="2" borderId="1" xfId="0" applyFont="1" applyFill="1" applyBorder="1" applyAlignment="1">
      <alignment horizontal="centerContinuous" vertical="center"/>
    </xf>
    <xf numFmtId="0" fontId="35" fillId="2" borderId="1" xfId="0" applyFont="1" applyFill="1" applyBorder="1" applyAlignment="1">
      <alignment horizontal="centerContinuous" vertical="center"/>
    </xf>
    <xf numFmtId="0" fontId="17" fillId="2" borderId="1" xfId="0" applyFont="1" applyFill="1" applyBorder="1" applyAlignment="1">
      <alignment horizontal="centerContinuous" vertical="center"/>
    </xf>
    <xf numFmtId="0" fontId="29" fillId="5" borderId="1" xfId="0" applyFont="1" applyFill="1" applyBorder="1" applyAlignment="1">
      <alignment horizontal="center" vertical="center" wrapText="1"/>
    </xf>
    <xf numFmtId="0" fontId="29" fillId="3" borderId="1" xfId="0" applyFont="1" applyFill="1" applyBorder="1" applyAlignment="1">
      <alignment horizontal="center" vertical="center" wrapText="1"/>
    </xf>
    <xf numFmtId="0" fontId="24" fillId="5" borderId="1" xfId="0" applyFont="1" applyFill="1" applyBorder="1" applyAlignment="1">
      <alignment vertical="center" wrapText="1"/>
    </xf>
    <xf numFmtId="0" fontId="14" fillId="0" borderId="1" xfId="0" applyFont="1" applyFill="1" applyBorder="1" applyAlignment="1">
      <alignment horizontal="center" vertical="center" wrapText="1"/>
    </xf>
    <xf numFmtId="0" fontId="32" fillId="5" borderId="1" xfId="0" applyFont="1" applyFill="1" applyBorder="1" applyAlignment="1">
      <alignment horizontal="center" vertical="center" wrapText="1"/>
    </xf>
    <xf numFmtId="0" fontId="14" fillId="0" borderId="1" xfId="0" applyFont="1" applyFill="1" applyBorder="1" applyAlignment="1">
      <alignment horizontal="left" vertical="center" wrapText="1"/>
    </xf>
    <xf numFmtId="0" fontId="16" fillId="0" borderId="1" xfId="0" applyFont="1" applyBorder="1" applyAlignment="1">
      <alignment vertical="center" wrapText="1"/>
    </xf>
    <xf numFmtId="0" fontId="32" fillId="3" borderId="1" xfId="0" applyFont="1" applyFill="1" applyBorder="1" applyAlignment="1">
      <alignment horizontal="center" vertical="center" wrapText="1"/>
    </xf>
    <xf numFmtId="0" fontId="21" fillId="0" borderId="1" xfId="0" applyFont="1" applyFill="1" applyBorder="1" applyAlignment="1">
      <alignment horizontal="center" vertical="center" wrapText="1"/>
    </xf>
    <xf numFmtId="0" fontId="16" fillId="3" borderId="1" xfId="0" applyFont="1" applyFill="1" applyBorder="1" applyAlignment="1">
      <alignment vertical="center" wrapText="1"/>
    </xf>
    <xf numFmtId="0" fontId="18" fillId="0" borderId="1" xfId="0" applyNumberFormat="1" applyFont="1" applyFill="1" applyBorder="1" applyAlignment="1">
      <alignment horizontal="left" vertical="center" wrapText="1"/>
    </xf>
    <xf numFmtId="0" fontId="18" fillId="0" borderId="1" xfId="0" applyNumberFormat="1" applyFont="1" applyFill="1" applyBorder="1" applyAlignment="1">
      <alignment horizontal="center" vertical="center" wrapText="1"/>
    </xf>
    <xf numFmtId="0" fontId="17" fillId="2" borderId="1" xfId="0" applyFont="1" applyFill="1" applyBorder="1" applyAlignment="1">
      <alignment horizontal="center" vertical="center" wrapText="1"/>
    </xf>
    <xf numFmtId="0" fontId="37" fillId="0" borderId="0" xfId="0" applyFont="1">
      <alignment vertical="center"/>
    </xf>
    <xf numFmtId="0" fontId="38" fillId="0" borderId="0" xfId="0" applyFont="1">
      <alignment vertical="center"/>
    </xf>
    <xf numFmtId="0" fontId="39" fillId="0" borderId="0" xfId="0" applyFont="1">
      <alignment vertical="center"/>
    </xf>
    <xf numFmtId="38" fontId="39" fillId="0" borderId="0" xfId="0" applyNumberFormat="1" applyFont="1" applyFill="1" applyBorder="1" applyAlignment="1">
      <alignment horizontal="center" vertical="center" shrinkToFit="1"/>
    </xf>
    <xf numFmtId="38" fontId="40" fillId="0" borderId="0" xfId="8" applyNumberFormat="1" applyFont="1" applyFill="1" applyBorder="1" applyAlignment="1">
      <alignment horizontal="center" vertical="center" shrinkToFit="1"/>
    </xf>
    <xf numFmtId="0" fontId="41" fillId="0" borderId="0" xfId="0" applyFont="1">
      <alignment vertical="center"/>
    </xf>
    <xf numFmtId="0" fontId="42" fillId="0" borderId="0" xfId="0" applyFont="1">
      <alignment vertical="center"/>
    </xf>
    <xf numFmtId="0" fontId="43" fillId="0" borderId="0" xfId="0" applyFont="1">
      <alignment vertical="center"/>
    </xf>
    <xf numFmtId="0" fontId="44" fillId="0" borderId="0" xfId="0" applyFont="1">
      <alignment vertical="center"/>
    </xf>
    <xf numFmtId="0" fontId="18" fillId="6" borderId="1" xfId="0" applyFont="1" applyFill="1" applyBorder="1" applyAlignment="1">
      <alignment horizontal="center" vertical="center" wrapText="1"/>
    </xf>
    <xf numFmtId="176" fontId="15" fillId="0" borderId="4" xfId="0" applyNumberFormat="1" applyFont="1" applyBorder="1" applyAlignment="1">
      <alignment vertical="center" wrapText="1"/>
    </xf>
    <xf numFmtId="0" fontId="32" fillId="0" borderId="1"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2" borderId="1" xfId="0" applyFont="1" applyFill="1" applyBorder="1" applyAlignment="1">
      <alignment horizontal="center" vertical="center" wrapText="1"/>
    </xf>
    <xf numFmtId="0" fontId="35" fillId="2" borderId="1" xfId="0" applyFont="1" applyFill="1" applyBorder="1" applyAlignment="1">
      <alignment horizontal="center" vertical="center" wrapText="1"/>
    </xf>
    <xf numFmtId="0" fontId="15" fillId="6" borderId="1" xfId="0" applyFont="1" applyFill="1" applyBorder="1" applyAlignment="1">
      <alignment horizontal="center" vertical="center" wrapText="1"/>
    </xf>
    <xf numFmtId="38" fontId="15" fillId="2" borderId="1" xfId="7" applyFont="1" applyFill="1" applyBorder="1" applyAlignment="1">
      <alignment horizontal="center" vertical="center" wrapText="1"/>
    </xf>
    <xf numFmtId="38" fontId="15" fillId="6" borderId="1" xfId="7" applyFont="1" applyFill="1" applyBorder="1" applyAlignment="1">
      <alignment horizontal="center" vertical="center" wrapText="1"/>
    </xf>
    <xf numFmtId="0" fontId="45" fillId="0" borderId="1" xfId="0" applyFont="1" applyFill="1" applyBorder="1" applyAlignment="1">
      <alignment horizontal="center" vertical="center" wrapText="1"/>
    </xf>
    <xf numFmtId="0" fontId="32" fillId="0" borderId="0" xfId="0" applyFont="1">
      <alignment vertical="center"/>
    </xf>
    <xf numFmtId="0" fontId="32" fillId="5" borderId="1" xfId="0" applyFont="1" applyFill="1" applyBorder="1" applyAlignment="1">
      <alignment vertical="center" wrapText="1"/>
    </xf>
    <xf numFmtId="0" fontId="32" fillId="0" borderId="1" xfId="0" applyFont="1" applyFill="1" applyBorder="1" applyAlignment="1">
      <alignment horizontal="left" vertical="center" wrapText="1"/>
    </xf>
    <xf numFmtId="0" fontId="32" fillId="0" borderId="1" xfId="0" applyFont="1" applyBorder="1" applyAlignment="1">
      <alignment vertical="center" wrapText="1"/>
    </xf>
    <xf numFmtId="0" fontId="50" fillId="0" borderId="1" xfId="0" applyFont="1" applyFill="1" applyBorder="1" applyAlignment="1">
      <alignment horizontal="center" vertical="center" wrapText="1"/>
    </xf>
    <xf numFmtId="0" fontId="32" fillId="3" borderId="1" xfId="0" applyFont="1" applyFill="1" applyBorder="1" applyAlignment="1">
      <alignment vertical="center" wrapText="1"/>
    </xf>
    <xf numFmtId="0" fontId="16" fillId="0" borderId="1" xfId="0" applyFont="1" applyFill="1" applyBorder="1" applyAlignment="1">
      <alignment horizontal="center" vertical="center" wrapText="1"/>
    </xf>
    <xf numFmtId="0" fontId="17" fillId="2" borderId="1" xfId="0" applyFont="1" applyFill="1" applyBorder="1" applyAlignment="1">
      <alignment horizontal="center" vertical="center" wrapText="1"/>
    </xf>
    <xf numFmtId="0" fontId="16" fillId="0" borderId="1" xfId="0" applyFont="1" applyFill="1" applyBorder="1" applyAlignment="1">
      <alignment horizontal="center" vertical="center" wrapText="1"/>
    </xf>
    <xf numFmtId="0" fontId="15" fillId="2" borderId="1" xfId="0" applyFont="1" applyFill="1" applyBorder="1" applyAlignment="1">
      <alignment vertical="center" wrapText="1"/>
    </xf>
    <xf numFmtId="0" fontId="16" fillId="0" borderId="1" xfId="0" applyFont="1" applyFill="1" applyBorder="1" applyAlignment="1">
      <alignment horizontal="center" vertical="center"/>
    </xf>
    <xf numFmtId="0" fontId="16" fillId="0" borderId="1" xfId="0" applyFont="1" applyFill="1" applyBorder="1" applyAlignment="1">
      <alignment horizontal="center" vertical="center" wrapText="1"/>
    </xf>
    <xf numFmtId="0" fontId="17" fillId="2" borderId="1" xfId="0" applyFont="1" applyFill="1" applyBorder="1" applyAlignment="1">
      <alignment horizontal="center" vertical="center" wrapText="1"/>
    </xf>
    <xf numFmtId="0" fontId="16" fillId="2" borderId="1" xfId="0" applyFont="1" applyFill="1" applyBorder="1" applyAlignment="1">
      <alignment horizontal="center" vertical="center" wrapText="1"/>
    </xf>
    <xf numFmtId="0" fontId="16" fillId="0" borderId="1" xfId="0" applyFont="1" applyBorder="1" applyAlignment="1">
      <alignment horizontal="center" vertical="center" wrapText="1"/>
    </xf>
    <xf numFmtId="38" fontId="16" fillId="2" borderId="1" xfId="7" applyFont="1" applyFill="1" applyBorder="1" applyAlignment="1">
      <alignment horizontal="center" vertical="center" wrapText="1"/>
    </xf>
    <xf numFmtId="0" fontId="16" fillId="0" borderId="1" xfId="0" applyFont="1" applyFill="1" applyBorder="1" applyAlignment="1">
      <alignment horizontal="center" vertical="center" wrapText="1"/>
    </xf>
    <xf numFmtId="0" fontId="51" fillId="0" borderId="0" xfId="0" applyFont="1" applyAlignment="1">
      <alignment horizontal="right" vertical="center"/>
    </xf>
    <xf numFmtId="0" fontId="15" fillId="0" borderId="0" xfId="0" applyFont="1" applyAlignment="1">
      <alignment horizontal="right" vertical="center"/>
    </xf>
    <xf numFmtId="0" fontId="15" fillId="6" borderId="0" xfId="0" applyFont="1" applyFill="1">
      <alignment vertical="center"/>
    </xf>
    <xf numFmtId="3" fontId="15" fillId="0" borderId="0" xfId="0" applyNumberFormat="1" applyFont="1">
      <alignment vertical="center"/>
    </xf>
    <xf numFmtId="0" fontId="46" fillId="0" borderId="0" xfId="0" applyFont="1">
      <alignment vertical="center"/>
    </xf>
    <xf numFmtId="0" fontId="15" fillId="0" borderId="2" xfId="0" applyFont="1" applyBorder="1" applyAlignment="1">
      <alignment horizontal="center" vertical="center"/>
    </xf>
    <xf numFmtId="0" fontId="15" fillId="0" borderId="3" xfId="0" applyFont="1" applyBorder="1" applyAlignment="1">
      <alignment horizontal="center" vertical="center"/>
    </xf>
    <xf numFmtId="0" fontId="15" fillId="0" borderId="1" xfId="0" applyFont="1" applyBorder="1" applyAlignment="1">
      <alignment horizontal="center" vertical="center"/>
    </xf>
    <xf numFmtId="0" fontId="24" fillId="2" borderId="1" xfId="0" applyFont="1" applyFill="1" applyBorder="1" applyAlignment="1">
      <alignment horizontal="center" vertical="center" wrapText="1"/>
    </xf>
    <xf numFmtId="0" fontId="24" fillId="0" borderId="1" xfId="0" applyFont="1" applyFill="1" applyBorder="1" applyAlignment="1">
      <alignment horizontal="center" vertical="center" wrapText="1"/>
    </xf>
    <xf numFmtId="0" fontId="24" fillId="0" borderId="1" xfId="0" applyFont="1" applyBorder="1" applyAlignment="1">
      <alignment horizontal="center" vertical="center" wrapText="1"/>
    </xf>
    <xf numFmtId="0" fontId="24" fillId="0" borderId="1" xfId="0" applyFont="1" applyFill="1" applyBorder="1" applyAlignment="1">
      <alignment horizontal="center" vertical="center"/>
    </xf>
    <xf numFmtId="0" fontId="29" fillId="5" borderId="1" xfId="0" applyFont="1" applyFill="1" applyBorder="1" applyAlignment="1">
      <alignment horizontal="center" vertical="center" wrapText="1"/>
    </xf>
    <xf numFmtId="0" fontId="29" fillId="3" borderId="1" xfId="0" applyFont="1" applyFill="1" applyBorder="1" applyAlignment="1">
      <alignment horizontal="center" vertical="center" wrapText="1"/>
    </xf>
    <xf numFmtId="0" fontId="24" fillId="6" borderId="1" xfId="0" applyFont="1" applyFill="1" applyBorder="1" applyAlignment="1">
      <alignment horizontal="center" vertical="center" wrapText="1"/>
    </xf>
    <xf numFmtId="0" fontId="36" fillId="6" borderId="1" xfId="0" applyFont="1" applyFill="1" applyBorder="1" applyAlignment="1">
      <alignment horizontal="center" vertical="center" wrapText="1"/>
    </xf>
    <xf numFmtId="0" fontId="30" fillId="4" borderId="1" xfId="0" applyFont="1" applyFill="1" applyBorder="1" applyAlignment="1">
      <alignment horizontal="center" vertical="center" wrapText="1"/>
    </xf>
    <xf numFmtId="0" fontId="29" fillId="0" borderId="2" xfId="0" applyFont="1" applyBorder="1" applyAlignment="1">
      <alignment horizontal="center" vertical="center"/>
    </xf>
    <xf numFmtId="0" fontId="29" fillId="0" borderId="3" xfId="0" applyFont="1" applyBorder="1" applyAlignment="1">
      <alignment horizontal="center" vertical="center"/>
    </xf>
    <xf numFmtId="0" fontId="28" fillId="0" borderId="1" xfId="0" applyFont="1" applyBorder="1" applyAlignment="1">
      <alignment horizontal="center" vertical="center" wrapText="1"/>
    </xf>
    <xf numFmtId="0" fontId="29" fillId="0" borderId="1" xfId="0" applyFont="1" applyFill="1" applyBorder="1" applyAlignment="1">
      <alignment horizontal="center" vertical="center" wrapText="1"/>
    </xf>
    <xf numFmtId="0" fontId="16" fillId="0" borderId="6" xfId="0" applyFont="1" applyFill="1" applyBorder="1" applyAlignment="1">
      <alignment horizontal="center" vertical="center" wrapText="1"/>
    </xf>
    <xf numFmtId="0" fontId="16" fillId="0" borderId="4" xfId="0" applyFont="1" applyFill="1" applyBorder="1" applyAlignment="1">
      <alignment horizontal="center" vertical="center" wrapText="1"/>
    </xf>
    <xf numFmtId="38" fontId="32" fillId="0" borderId="1" xfId="7" applyFont="1" applyFill="1" applyBorder="1" applyAlignment="1">
      <alignment horizontal="center" vertical="center" wrapText="1"/>
    </xf>
    <xf numFmtId="0" fontId="31" fillId="2" borderId="1" xfId="0" applyFont="1" applyFill="1" applyBorder="1" applyAlignment="1">
      <alignment horizontal="center" vertical="center" wrapText="1"/>
    </xf>
    <xf numFmtId="0" fontId="29" fillId="0" borderId="7" xfId="0" applyFont="1" applyBorder="1" applyAlignment="1">
      <alignment horizontal="center" vertical="center"/>
    </xf>
    <xf numFmtId="0" fontId="29" fillId="0" borderId="8" xfId="0" applyFont="1" applyBorder="1" applyAlignment="1">
      <alignment horizontal="center" vertical="center"/>
    </xf>
    <xf numFmtId="0" fontId="32" fillId="0" borderId="1" xfId="0" applyFont="1" applyBorder="1" applyAlignment="1">
      <alignment horizontal="center" vertical="center" wrapText="1"/>
    </xf>
    <xf numFmtId="0" fontId="32" fillId="2" borderId="1" xfId="0" applyFont="1" applyFill="1" applyBorder="1" applyAlignment="1">
      <alignment horizontal="center" vertical="center" wrapText="1"/>
    </xf>
    <xf numFmtId="0" fontId="31" fillId="2" borderId="5" xfId="0" applyFont="1" applyFill="1" applyBorder="1" applyAlignment="1">
      <alignment horizontal="center" vertical="center" wrapText="1"/>
    </xf>
    <xf numFmtId="0" fontId="31" fillId="2" borderId="6" xfId="0" applyFont="1" applyFill="1" applyBorder="1" applyAlignment="1">
      <alignment horizontal="center" vertical="center" wrapText="1"/>
    </xf>
    <xf numFmtId="0" fontId="31" fillId="2" borderId="4" xfId="0" applyFont="1" applyFill="1" applyBorder="1" applyAlignment="1">
      <alignment horizontal="center" vertical="center" wrapText="1"/>
    </xf>
    <xf numFmtId="0" fontId="49" fillId="0" borderId="5" xfId="0" applyFont="1" applyBorder="1" applyAlignment="1">
      <alignment horizontal="center" vertical="center" wrapText="1"/>
    </xf>
    <xf numFmtId="0" fontId="49" fillId="0" borderId="6" xfId="0" applyFont="1" applyBorder="1" applyAlignment="1">
      <alignment horizontal="center" vertical="center" wrapText="1"/>
    </xf>
    <xf numFmtId="0" fontId="49" fillId="0" borderId="4" xfId="0" applyFont="1" applyBorder="1" applyAlignment="1">
      <alignment horizontal="center" vertical="center" wrapText="1"/>
    </xf>
    <xf numFmtId="0" fontId="32" fillId="0" borderId="1" xfId="0" applyFont="1" applyFill="1" applyBorder="1" applyAlignment="1">
      <alignment horizontal="center" vertical="center"/>
    </xf>
    <xf numFmtId="0" fontId="32" fillId="0" borderId="1" xfId="0" applyFont="1" applyFill="1" applyBorder="1" applyAlignment="1">
      <alignment horizontal="center" vertical="center" wrapText="1"/>
    </xf>
    <xf numFmtId="0" fontId="50" fillId="0" borderId="1" xfId="0" applyFont="1" applyBorder="1" applyAlignment="1">
      <alignment horizontal="center" vertical="center" wrapText="1"/>
    </xf>
    <xf numFmtId="0" fontId="32" fillId="5" borderId="1" xfId="0" applyFont="1" applyFill="1" applyBorder="1" applyAlignment="1">
      <alignment horizontal="center" vertical="center" wrapText="1"/>
    </xf>
    <xf numFmtId="0" fontId="32" fillId="3" borderId="1" xfId="0" applyFont="1" applyFill="1" applyBorder="1" applyAlignment="1">
      <alignment horizontal="center" vertical="center" wrapText="1"/>
    </xf>
    <xf numFmtId="0" fontId="32" fillId="4" borderId="1" xfId="0" applyFont="1" applyFill="1" applyBorder="1" applyAlignment="1">
      <alignment horizontal="center" vertical="center" wrapText="1"/>
    </xf>
    <xf numFmtId="0" fontId="32" fillId="6" borderId="1" xfId="0" applyFont="1" applyFill="1" applyBorder="1" applyAlignment="1">
      <alignment horizontal="center" vertical="center" wrapText="1"/>
    </xf>
    <xf numFmtId="0" fontId="32" fillId="0" borderId="4" xfId="0" applyFont="1" applyFill="1" applyBorder="1" applyAlignment="1">
      <alignment horizontal="center" vertical="center" wrapText="1"/>
    </xf>
    <xf numFmtId="0" fontId="29" fillId="0" borderId="6" xfId="0" applyFont="1" applyFill="1" applyBorder="1" applyAlignment="1">
      <alignment horizontal="center" vertical="center" wrapText="1"/>
    </xf>
    <xf numFmtId="0" fontId="29" fillId="0" borderId="4" xfId="0" applyFont="1" applyFill="1" applyBorder="1" applyAlignment="1">
      <alignment horizontal="center" vertical="center" wrapText="1"/>
    </xf>
    <xf numFmtId="0" fontId="29" fillId="0" borderId="9" xfId="0" applyFont="1" applyBorder="1" applyAlignment="1">
      <alignment horizontal="center" vertical="center"/>
    </xf>
    <xf numFmtId="0" fontId="29" fillId="0" borderId="10" xfId="0" applyFont="1" applyBorder="1" applyAlignment="1">
      <alignment horizontal="center" vertical="center"/>
    </xf>
  </cellXfs>
  <cellStyles count="9">
    <cellStyle name="桁区切り" xfId="7" builtinId="6"/>
    <cellStyle name="桁区切り 2" xfId="2"/>
    <cellStyle name="桁区切り 3" xfId="4"/>
    <cellStyle name="桁区切り 4" xfId="3"/>
    <cellStyle name="桁区切り 5" xfId="1"/>
    <cellStyle name="標準" xfId="0" builtinId="0"/>
    <cellStyle name="標準 2" xfId="5"/>
    <cellStyle name="標準 3" xfId="6"/>
    <cellStyle name="標準 4" xfId="8"/>
  </cellStyles>
  <dxfs count="0"/>
  <tableStyles count="0" defaultTableStyle="TableStyleMedium2" defaultPivotStyle="PivotStyleLight16"/>
  <colors>
    <mruColors>
      <color rgb="FFFF7C80"/>
      <color rgb="FFFF6600"/>
      <color rgb="FFFF5050"/>
      <color rgb="FFFF9966"/>
      <color rgb="FFFFFF99"/>
      <color rgb="FFFF3300"/>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Z80"/>
  <sheetViews>
    <sheetView tabSelected="1" view="pageBreakPreview" zoomScale="80" zoomScaleNormal="100" zoomScaleSheetLayoutView="80" workbookViewId="0">
      <pane ySplit="3" topLeftCell="A4" activePane="bottomLeft" state="frozen"/>
      <selection activeCell="R22" sqref="R22"/>
      <selection pane="bottomLeft" activeCell="E17" sqref="E17"/>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5" style="5" customWidth="1"/>
    <col min="10" max="10" width="43" style="5" customWidth="1"/>
    <col min="11" max="15" width="12.875" style="5" customWidth="1"/>
    <col min="16" max="16" width="16.125" style="5" customWidth="1"/>
    <col min="17" max="18" width="18.875" style="5" customWidth="1"/>
    <col min="19" max="19" width="17" style="5" customWidth="1"/>
    <col min="20" max="21" width="10.625" style="5" customWidth="1"/>
    <col min="22" max="25" width="10.5" style="5" customWidth="1"/>
    <col min="26" max="26" width="11.625" style="5" customWidth="1"/>
    <col min="27" max="16384" width="4.25" style="5"/>
  </cols>
  <sheetData>
    <row r="1" spans="1:26" ht="19.5" thickBot="1">
      <c r="N1" s="4"/>
      <c r="O1" s="3"/>
      <c r="Z1" s="46" t="s">
        <v>187</v>
      </c>
    </row>
    <row r="2" spans="1:26" ht="20.100000000000001" customHeight="1">
      <c r="A2" s="13" t="s">
        <v>161</v>
      </c>
      <c r="B2" s="14"/>
      <c r="C2" s="14"/>
      <c r="D2" s="14"/>
      <c r="E2" s="14"/>
      <c r="F2" s="14"/>
      <c r="G2" s="14"/>
      <c r="H2" s="14"/>
      <c r="I2" s="14"/>
      <c r="J2" s="14"/>
      <c r="K2" s="14"/>
      <c r="L2" s="14"/>
      <c r="M2" s="14"/>
      <c r="N2" s="14"/>
      <c r="O2" s="14"/>
      <c r="P2" s="14"/>
      <c r="Q2" s="15"/>
      <c r="R2" s="14"/>
      <c r="S2" s="14"/>
      <c r="T2" s="14"/>
      <c r="U2" s="14"/>
      <c r="V2" s="122" t="s">
        <v>222</v>
      </c>
      <c r="W2" s="123"/>
      <c r="X2" s="122" t="s">
        <v>174</v>
      </c>
      <c r="Y2" s="123"/>
      <c r="Z2" s="14"/>
    </row>
    <row r="3" spans="1:26" s="8" customFormat="1" ht="135.75" customHeight="1">
      <c r="A3" s="50" t="s">
        <v>0</v>
      </c>
      <c r="B3" s="51" t="s">
        <v>1</v>
      </c>
      <c r="C3" s="51" t="s">
        <v>34</v>
      </c>
      <c r="D3" s="52" t="s">
        <v>104</v>
      </c>
      <c r="E3" s="51" t="s">
        <v>2</v>
      </c>
      <c r="F3" s="51" t="s">
        <v>212</v>
      </c>
      <c r="G3" s="51" t="s">
        <v>11</v>
      </c>
      <c r="H3" s="51" t="s">
        <v>6</v>
      </c>
      <c r="I3" s="51" t="s">
        <v>3</v>
      </c>
      <c r="J3" s="53" t="s">
        <v>146</v>
      </c>
      <c r="K3" s="51" t="s">
        <v>10</v>
      </c>
      <c r="L3" s="51" t="s">
        <v>99</v>
      </c>
      <c r="M3" s="51" t="s">
        <v>9</v>
      </c>
      <c r="N3" s="52" t="s">
        <v>8</v>
      </c>
      <c r="O3" s="53" t="s">
        <v>138</v>
      </c>
      <c r="P3" s="107" t="s">
        <v>179</v>
      </c>
      <c r="Q3" s="60" t="s">
        <v>230</v>
      </c>
      <c r="R3" s="55" t="s">
        <v>231</v>
      </c>
      <c r="S3" s="56" t="s">
        <v>102</v>
      </c>
      <c r="T3" s="51" t="s">
        <v>211</v>
      </c>
      <c r="U3" s="51" t="s">
        <v>162</v>
      </c>
      <c r="V3" s="51" t="s">
        <v>101</v>
      </c>
      <c r="W3" s="106" t="s">
        <v>173</v>
      </c>
      <c r="X3" s="51" t="s">
        <v>175</v>
      </c>
      <c r="Y3" s="51" t="s">
        <v>173</v>
      </c>
      <c r="Z3" s="53" t="s">
        <v>5</v>
      </c>
    </row>
    <row r="4" spans="1:26" ht="20.25" customHeight="1">
      <c r="A4" s="42">
        <v>1</v>
      </c>
      <c r="B4" s="16"/>
      <c r="C4" s="17"/>
      <c r="D4" s="18" t="e">
        <f t="shared" ref="D4:D18" si="0">VLOOKUP(C4,$C$30:$D$76,2)</f>
        <v>#N/A</v>
      </c>
      <c r="E4" s="17"/>
      <c r="F4" s="19"/>
      <c r="G4" s="19"/>
      <c r="H4" s="19"/>
      <c r="I4" s="16"/>
      <c r="J4" s="57"/>
      <c r="K4" s="20"/>
      <c r="L4" s="20"/>
      <c r="M4" s="21"/>
      <c r="N4" s="22"/>
      <c r="O4" s="23"/>
      <c r="P4" s="109"/>
      <c r="Q4" s="58"/>
      <c r="R4" s="58"/>
      <c r="S4" s="59" t="e">
        <f>R4/Q4</f>
        <v>#DIV/0!</v>
      </c>
      <c r="T4" s="24"/>
      <c r="U4" s="19"/>
      <c r="V4" s="19"/>
      <c r="W4" s="19"/>
      <c r="X4" s="19"/>
      <c r="Y4" s="19"/>
      <c r="Z4" s="58"/>
    </row>
    <row r="5" spans="1:26" ht="20.25" customHeight="1">
      <c r="A5" s="42">
        <v>2</v>
      </c>
      <c r="B5" s="16"/>
      <c r="C5" s="17"/>
      <c r="D5" s="18" t="e">
        <f t="shared" si="0"/>
        <v>#N/A</v>
      </c>
      <c r="E5" s="17"/>
      <c r="F5" s="19"/>
      <c r="G5" s="19"/>
      <c r="H5" s="19"/>
      <c r="I5" s="16"/>
      <c r="J5" s="57"/>
      <c r="K5" s="20"/>
      <c r="L5" s="20"/>
      <c r="M5" s="21"/>
      <c r="N5" s="22"/>
      <c r="O5" s="23"/>
      <c r="P5" s="109"/>
      <c r="Q5" s="58"/>
      <c r="R5" s="58"/>
      <c r="S5" s="59" t="e">
        <f t="shared" ref="S5:S18" si="1">R5/Q5</f>
        <v>#DIV/0!</v>
      </c>
      <c r="T5" s="24"/>
      <c r="U5" s="19"/>
      <c r="V5" s="19"/>
      <c r="W5" s="19"/>
      <c r="X5" s="19"/>
      <c r="Y5" s="19"/>
      <c r="Z5" s="58"/>
    </row>
    <row r="6" spans="1:26" ht="20.25" customHeight="1">
      <c r="A6" s="42">
        <v>3</v>
      </c>
      <c r="B6" s="16"/>
      <c r="C6" s="17"/>
      <c r="D6" s="18" t="e">
        <f t="shared" si="0"/>
        <v>#N/A</v>
      </c>
      <c r="E6" s="17"/>
      <c r="F6" s="42"/>
      <c r="G6" s="19"/>
      <c r="H6" s="19"/>
      <c r="I6" s="16"/>
      <c r="J6" s="57"/>
      <c r="K6" s="20"/>
      <c r="L6" s="20"/>
      <c r="M6" s="21"/>
      <c r="N6" s="22"/>
      <c r="O6" s="23"/>
      <c r="P6" s="109"/>
      <c r="Q6" s="58"/>
      <c r="R6" s="58"/>
      <c r="S6" s="59" t="e">
        <f t="shared" si="1"/>
        <v>#DIV/0!</v>
      </c>
      <c r="T6" s="24"/>
      <c r="U6" s="19"/>
      <c r="V6" s="19"/>
      <c r="W6" s="19"/>
      <c r="X6" s="19"/>
      <c r="Y6" s="19"/>
      <c r="Z6" s="58"/>
    </row>
    <row r="7" spans="1:26" ht="20.25" customHeight="1">
      <c r="A7" s="42">
        <v>4</v>
      </c>
      <c r="B7" s="16"/>
      <c r="C7" s="17"/>
      <c r="D7" s="18" t="e">
        <f t="shared" si="0"/>
        <v>#N/A</v>
      </c>
      <c r="E7" s="17"/>
      <c r="F7" s="19"/>
      <c r="G7" s="19"/>
      <c r="H7" s="19"/>
      <c r="I7" s="16"/>
      <c r="J7" s="57"/>
      <c r="K7" s="20"/>
      <c r="L7" s="20"/>
      <c r="M7" s="21"/>
      <c r="N7" s="22"/>
      <c r="O7" s="23"/>
      <c r="P7" s="109"/>
      <c r="Q7" s="58"/>
      <c r="R7" s="58"/>
      <c r="S7" s="59" t="e">
        <f t="shared" si="1"/>
        <v>#DIV/0!</v>
      </c>
      <c r="T7" s="24"/>
      <c r="U7" s="19"/>
      <c r="V7" s="19"/>
      <c r="W7" s="19"/>
      <c r="X7" s="19"/>
      <c r="Y7" s="19"/>
      <c r="Z7" s="58"/>
    </row>
    <row r="8" spans="1:26" ht="20.25" customHeight="1">
      <c r="A8" s="42">
        <v>5</v>
      </c>
      <c r="B8" s="16"/>
      <c r="C8" s="17"/>
      <c r="D8" s="18" t="e">
        <f t="shared" si="0"/>
        <v>#N/A</v>
      </c>
      <c r="E8" s="17"/>
      <c r="F8" s="19"/>
      <c r="G8" s="19"/>
      <c r="H8" s="19"/>
      <c r="I8" s="16"/>
      <c r="J8" s="57"/>
      <c r="K8" s="20"/>
      <c r="L8" s="20"/>
      <c r="M8" s="21"/>
      <c r="N8" s="22"/>
      <c r="O8" s="23"/>
      <c r="P8" s="109"/>
      <c r="Q8" s="58"/>
      <c r="R8" s="58"/>
      <c r="S8" s="59" t="e">
        <f t="shared" si="1"/>
        <v>#DIV/0!</v>
      </c>
      <c r="T8" s="24"/>
      <c r="U8" s="19"/>
      <c r="V8" s="19"/>
      <c r="W8" s="19"/>
      <c r="X8" s="19"/>
      <c r="Y8" s="19"/>
      <c r="Z8" s="58"/>
    </row>
    <row r="9" spans="1:26" ht="20.25" customHeight="1">
      <c r="A9" s="42">
        <v>6</v>
      </c>
      <c r="B9" s="16"/>
      <c r="C9" s="17"/>
      <c r="D9" s="18" t="e">
        <f t="shared" si="0"/>
        <v>#N/A</v>
      </c>
      <c r="E9" s="17"/>
      <c r="F9" s="19"/>
      <c r="G9" s="19"/>
      <c r="H9" s="19"/>
      <c r="I9" s="16"/>
      <c r="J9" s="57"/>
      <c r="K9" s="20"/>
      <c r="L9" s="20"/>
      <c r="M9" s="21"/>
      <c r="N9" s="22"/>
      <c r="O9" s="23"/>
      <c r="P9" s="109"/>
      <c r="Q9" s="58"/>
      <c r="R9" s="58"/>
      <c r="S9" s="59" t="e">
        <f t="shared" si="1"/>
        <v>#DIV/0!</v>
      </c>
      <c r="T9" s="24"/>
      <c r="U9" s="19"/>
      <c r="V9" s="19"/>
      <c r="W9" s="19"/>
      <c r="X9" s="19"/>
      <c r="Y9" s="19"/>
      <c r="Z9" s="58"/>
    </row>
    <row r="10" spans="1:26" ht="20.25" customHeight="1">
      <c r="A10" s="42">
        <v>7</v>
      </c>
      <c r="B10" s="16"/>
      <c r="C10" s="17"/>
      <c r="D10" s="18" t="e">
        <f t="shared" si="0"/>
        <v>#N/A</v>
      </c>
      <c r="E10" s="17"/>
      <c r="F10" s="19"/>
      <c r="G10" s="19"/>
      <c r="H10" s="19"/>
      <c r="I10" s="16"/>
      <c r="J10" s="57"/>
      <c r="K10" s="20"/>
      <c r="L10" s="20"/>
      <c r="M10" s="21"/>
      <c r="N10" s="22"/>
      <c r="O10" s="23"/>
      <c r="P10" s="109"/>
      <c r="Q10" s="58"/>
      <c r="R10" s="58"/>
      <c r="S10" s="59" t="e">
        <f t="shared" si="1"/>
        <v>#DIV/0!</v>
      </c>
      <c r="T10" s="24"/>
      <c r="U10" s="19"/>
      <c r="V10" s="19"/>
      <c r="W10" s="19"/>
      <c r="X10" s="19"/>
      <c r="Y10" s="19"/>
      <c r="Z10" s="58"/>
    </row>
    <row r="11" spans="1:26" ht="20.25" customHeight="1">
      <c r="A11" s="42">
        <v>8</v>
      </c>
      <c r="B11" s="16"/>
      <c r="C11" s="17"/>
      <c r="D11" s="18" t="e">
        <f t="shared" si="0"/>
        <v>#N/A</v>
      </c>
      <c r="E11" s="17"/>
      <c r="F11" s="19"/>
      <c r="G11" s="19"/>
      <c r="H11" s="19"/>
      <c r="I11" s="16"/>
      <c r="J11" s="57"/>
      <c r="K11" s="20"/>
      <c r="L11" s="20"/>
      <c r="M11" s="21"/>
      <c r="N11" s="22"/>
      <c r="O11" s="23"/>
      <c r="P11" s="109"/>
      <c r="Q11" s="58"/>
      <c r="R11" s="58"/>
      <c r="S11" s="59" t="e">
        <f t="shared" si="1"/>
        <v>#DIV/0!</v>
      </c>
      <c r="T11" s="24"/>
      <c r="U11" s="19"/>
      <c r="V11" s="19"/>
      <c r="W11" s="19"/>
      <c r="X11" s="19"/>
      <c r="Y11" s="19"/>
      <c r="Z11" s="58"/>
    </row>
    <row r="12" spans="1:26" ht="20.25" customHeight="1">
      <c r="A12" s="42">
        <v>9</v>
      </c>
      <c r="B12" s="16"/>
      <c r="C12" s="17"/>
      <c r="D12" s="18" t="e">
        <f t="shared" si="0"/>
        <v>#N/A</v>
      </c>
      <c r="E12" s="17"/>
      <c r="F12" s="19"/>
      <c r="G12" s="19"/>
      <c r="H12" s="19"/>
      <c r="I12" s="16"/>
      <c r="J12" s="57"/>
      <c r="K12" s="20"/>
      <c r="L12" s="20"/>
      <c r="M12" s="21"/>
      <c r="N12" s="22"/>
      <c r="O12" s="23"/>
      <c r="P12" s="109"/>
      <c r="Q12" s="58"/>
      <c r="R12" s="58"/>
      <c r="S12" s="59" t="e">
        <f t="shared" si="1"/>
        <v>#DIV/0!</v>
      </c>
      <c r="T12" s="24"/>
      <c r="U12" s="19"/>
      <c r="V12" s="19"/>
      <c r="W12" s="19"/>
      <c r="X12" s="19"/>
      <c r="Y12" s="19"/>
      <c r="Z12" s="58"/>
    </row>
    <row r="13" spans="1:26" ht="20.25" customHeight="1">
      <c r="A13" s="42">
        <v>10</v>
      </c>
      <c r="B13" s="16"/>
      <c r="C13" s="17"/>
      <c r="D13" s="18" t="e">
        <f t="shared" si="0"/>
        <v>#N/A</v>
      </c>
      <c r="E13" s="17"/>
      <c r="F13" s="19"/>
      <c r="G13" s="19"/>
      <c r="H13" s="19"/>
      <c r="I13" s="16"/>
      <c r="J13" s="57"/>
      <c r="K13" s="20"/>
      <c r="L13" s="20"/>
      <c r="M13" s="21"/>
      <c r="N13" s="22"/>
      <c r="O13" s="23"/>
      <c r="P13" s="109"/>
      <c r="Q13" s="58"/>
      <c r="R13" s="58"/>
      <c r="S13" s="59" t="e">
        <f t="shared" si="1"/>
        <v>#DIV/0!</v>
      </c>
      <c r="T13" s="24"/>
      <c r="U13" s="19"/>
      <c r="V13" s="19"/>
      <c r="W13" s="19"/>
      <c r="X13" s="19"/>
      <c r="Y13" s="19"/>
      <c r="Z13" s="58"/>
    </row>
    <row r="14" spans="1:26" ht="20.25" customHeight="1">
      <c r="A14" s="42">
        <v>11</v>
      </c>
      <c r="B14" s="16"/>
      <c r="C14" s="17"/>
      <c r="D14" s="18" t="e">
        <f t="shared" si="0"/>
        <v>#N/A</v>
      </c>
      <c r="E14" s="17"/>
      <c r="F14" s="19"/>
      <c r="G14" s="19"/>
      <c r="H14" s="19"/>
      <c r="I14" s="16"/>
      <c r="J14" s="57"/>
      <c r="K14" s="20"/>
      <c r="L14" s="20"/>
      <c r="M14" s="21"/>
      <c r="N14" s="22"/>
      <c r="O14" s="23"/>
      <c r="P14" s="109"/>
      <c r="Q14" s="58"/>
      <c r="R14" s="58"/>
      <c r="S14" s="59" t="e">
        <f t="shared" si="1"/>
        <v>#DIV/0!</v>
      </c>
      <c r="T14" s="24"/>
      <c r="U14" s="19"/>
      <c r="V14" s="19"/>
      <c r="W14" s="19"/>
      <c r="X14" s="19"/>
      <c r="Y14" s="19"/>
      <c r="Z14" s="58"/>
    </row>
    <row r="15" spans="1:26" ht="20.25" customHeight="1">
      <c r="A15" s="42">
        <v>12</v>
      </c>
      <c r="B15" s="16"/>
      <c r="C15" s="17"/>
      <c r="D15" s="18" t="e">
        <f t="shared" si="0"/>
        <v>#N/A</v>
      </c>
      <c r="E15" s="17"/>
      <c r="F15" s="19"/>
      <c r="G15" s="19"/>
      <c r="H15" s="19"/>
      <c r="I15" s="16"/>
      <c r="J15" s="57"/>
      <c r="K15" s="20"/>
      <c r="L15" s="20"/>
      <c r="M15" s="21"/>
      <c r="N15" s="22"/>
      <c r="O15" s="23"/>
      <c r="P15" s="109"/>
      <c r="Q15" s="58"/>
      <c r="R15" s="58"/>
      <c r="S15" s="59" t="e">
        <f t="shared" si="1"/>
        <v>#DIV/0!</v>
      </c>
      <c r="T15" s="24"/>
      <c r="U15" s="19"/>
      <c r="V15" s="19"/>
      <c r="W15" s="19"/>
      <c r="X15" s="19"/>
      <c r="Y15" s="19"/>
      <c r="Z15" s="58"/>
    </row>
    <row r="16" spans="1:26" ht="20.25" customHeight="1">
      <c r="A16" s="42">
        <v>13</v>
      </c>
      <c r="B16" s="16"/>
      <c r="C16" s="17"/>
      <c r="D16" s="18" t="e">
        <f t="shared" si="0"/>
        <v>#N/A</v>
      </c>
      <c r="E16" s="17"/>
      <c r="F16" s="19"/>
      <c r="G16" s="19"/>
      <c r="H16" s="19"/>
      <c r="I16" s="16"/>
      <c r="J16" s="57"/>
      <c r="K16" s="20"/>
      <c r="L16" s="20"/>
      <c r="M16" s="21"/>
      <c r="N16" s="22"/>
      <c r="O16" s="23"/>
      <c r="P16" s="109"/>
      <c r="Q16" s="58"/>
      <c r="R16" s="58"/>
      <c r="S16" s="59" t="e">
        <f t="shared" si="1"/>
        <v>#DIV/0!</v>
      </c>
      <c r="T16" s="24"/>
      <c r="U16" s="19"/>
      <c r="V16" s="19"/>
      <c r="W16" s="19"/>
      <c r="X16" s="19"/>
      <c r="Y16" s="19"/>
      <c r="Z16" s="58"/>
    </row>
    <row r="17" spans="1:26" ht="20.25" customHeight="1">
      <c r="A17" s="42">
        <v>14</v>
      </c>
      <c r="B17" s="16"/>
      <c r="C17" s="17"/>
      <c r="D17" s="18" t="e">
        <f t="shared" si="0"/>
        <v>#N/A</v>
      </c>
      <c r="E17" s="17"/>
      <c r="F17" s="19"/>
      <c r="G17" s="19"/>
      <c r="H17" s="19"/>
      <c r="I17" s="16"/>
      <c r="J17" s="57"/>
      <c r="K17" s="20"/>
      <c r="L17" s="20"/>
      <c r="M17" s="21"/>
      <c r="N17" s="22"/>
      <c r="O17" s="23"/>
      <c r="P17" s="109"/>
      <c r="Q17" s="58"/>
      <c r="R17" s="58"/>
      <c r="S17" s="59" t="e">
        <f t="shared" si="1"/>
        <v>#DIV/0!</v>
      </c>
      <c r="T17" s="24"/>
      <c r="U17" s="19"/>
      <c r="V17" s="19"/>
      <c r="W17" s="19"/>
      <c r="X17" s="19"/>
      <c r="Y17" s="19"/>
      <c r="Z17" s="58"/>
    </row>
    <row r="18" spans="1:26" ht="20.25" customHeight="1">
      <c r="A18" s="42">
        <v>15</v>
      </c>
      <c r="B18" s="16"/>
      <c r="C18" s="17"/>
      <c r="D18" s="18" t="e">
        <f t="shared" si="0"/>
        <v>#N/A</v>
      </c>
      <c r="E18" s="17"/>
      <c r="F18" s="19"/>
      <c r="G18" s="19"/>
      <c r="H18" s="19"/>
      <c r="I18" s="16"/>
      <c r="J18" s="57"/>
      <c r="K18" s="20"/>
      <c r="L18" s="20"/>
      <c r="M18" s="21"/>
      <c r="N18" s="22"/>
      <c r="O18" s="23"/>
      <c r="P18" s="109"/>
      <c r="Q18" s="49"/>
      <c r="R18" s="58"/>
      <c r="S18" s="59" t="e">
        <f t="shared" si="1"/>
        <v>#DIV/0!</v>
      </c>
      <c r="T18" s="24"/>
      <c r="U18" s="19"/>
      <c r="V18" s="19"/>
      <c r="W18" s="19"/>
      <c r="X18" s="19"/>
      <c r="Y18" s="19"/>
      <c r="Z18" s="58"/>
    </row>
    <row r="19" spans="1:26" s="9" customFormat="1" ht="20.25" customHeight="1">
      <c r="A19" s="25" t="s">
        <v>7</v>
      </c>
      <c r="B19" s="13"/>
      <c r="C19" s="13"/>
      <c r="D19" s="13"/>
      <c r="E19" s="13"/>
      <c r="F19" s="13"/>
      <c r="G19" s="13"/>
      <c r="H19" s="13"/>
      <c r="I19" s="13"/>
      <c r="J19" s="13"/>
      <c r="K19" s="13"/>
      <c r="L19" s="13"/>
      <c r="M19" s="13"/>
      <c r="N19" s="13"/>
      <c r="O19" s="13"/>
      <c r="P19" s="13"/>
      <c r="Q19" s="45"/>
      <c r="R19" s="13"/>
      <c r="S19" s="13"/>
      <c r="T19" s="13"/>
      <c r="U19" s="13"/>
      <c r="V19" s="13"/>
      <c r="W19" s="13"/>
      <c r="X19" s="13"/>
      <c r="Y19" s="45"/>
      <c r="Z19" s="13"/>
    </row>
    <row r="20" spans="1:26" s="9" customFormat="1" ht="20.25" customHeight="1">
      <c r="A20" s="13" t="s">
        <v>4</v>
      </c>
      <c r="B20" s="13"/>
      <c r="C20" s="13"/>
      <c r="D20" s="13"/>
      <c r="E20" s="13"/>
      <c r="F20" s="13"/>
      <c r="G20" s="13"/>
      <c r="H20" s="13"/>
      <c r="I20" s="13"/>
      <c r="J20" s="13"/>
      <c r="K20" s="13"/>
      <c r="L20" s="13"/>
      <c r="M20" s="13"/>
      <c r="N20" s="13"/>
      <c r="O20" s="13"/>
      <c r="P20" s="13"/>
      <c r="Q20" s="13"/>
      <c r="R20" s="13"/>
      <c r="S20" s="13"/>
      <c r="T20" s="13"/>
      <c r="U20" s="13"/>
      <c r="V20" s="13"/>
      <c r="W20" s="13"/>
      <c r="X20" s="13"/>
      <c r="Y20" s="13"/>
      <c r="Z20" s="13"/>
    </row>
    <row r="21" spans="1:26" s="10" customFormat="1" ht="20.100000000000001" customHeight="1">
      <c r="A21" s="27" t="s">
        <v>32</v>
      </c>
      <c r="B21" s="13"/>
      <c r="C21" s="13"/>
      <c r="D21" s="13"/>
      <c r="E21" s="13"/>
      <c r="F21" s="13"/>
      <c r="G21" s="13"/>
      <c r="H21" s="13"/>
      <c r="I21" s="13"/>
      <c r="J21" s="13"/>
      <c r="K21" s="13"/>
      <c r="L21" s="13"/>
      <c r="M21" s="13"/>
      <c r="N21" s="13"/>
      <c r="O21" s="13"/>
      <c r="P21" s="13"/>
      <c r="Q21" s="13"/>
      <c r="R21" s="13"/>
      <c r="S21" s="13"/>
      <c r="T21" s="13"/>
      <c r="U21" s="13"/>
      <c r="V21" s="13"/>
      <c r="W21" s="13"/>
      <c r="X21" s="13"/>
      <c r="Y21" s="13"/>
      <c r="Z21" s="13"/>
    </row>
    <row r="22" spans="1:26" s="9" customFormat="1" ht="20.25" customHeight="1">
      <c r="A22" s="13" t="s">
        <v>209</v>
      </c>
      <c r="B22" s="13"/>
      <c r="C22" s="13"/>
      <c r="D22" s="13"/>
      <c r="E22" s="13"/>
      <c r="F22" s="13"/>
      <c r="G22" s="13"/>
      <c r="H22" s="13"/>
      <c r="I22" s="13"/>
      <c r="J22" s="13"/>
      <c r="K22" s="13"/>
      <c r="L22" s="13"/>
      <c r="M22" s="13"/>
      <c r="N22" s="13"/>
      <c r="O22" s="13"/>
      <c r="P22" s="13"/>
      <c r="Q22" s="13"/>
      <c r="R22" s="13"/>
      <c r="S22" s="13"/>
      <c r="T22" s="13"/>
      <c r="U22" s="13"/>
      <c r="V22" s="13"/>
      <c r="W22" s="13"/>
      <c r="X22" s="13"/>
      <c r="Y22" s="13"/>
    </row>
    <row r="23" spans="1:26" s="10" customFormat="1" ht="20.100000000000001" customHeight="1">
      <c r="A23" s="13" t="s">
        <v>137</v>
      </c>
      <c r="B23" s="13"/>
      <c r="C23" s="13"/>
      <c r="D23" s="13"/>
      <c r="E23" s="13"/>
      <c r="F23" s="13"/>
      <c r="G23" s="13"/>
      <c r="H23" s="13"/>
      <c r="I23" s="13"/>
      <c r="J23" s="13"/>
      <c r="K23" s="13"/>
      <c r="L23" s="13"/>
      <c r="M23" s="13"/>
      <c r="N23" s="13"/>
      <c r="O23" s="13"/>
      <c r="P23" s="13"/>
      <c r="Q23" s="13"/>
      <c r="R23" s="13"/>
      <c r="S23" s="13"/>
      <c r="T23" s="13"/>
      <c r="U23" s="13"/>
      <c r="V23" s="13"/>
      <c r="W23" s="13"/>
      <c r="X23" s="13"/>
      <c r="Y23" s="13"/>
      <c r="Z23" s="13"/>
    </row>
    <row r="24" spans="1:26" s="9" customFormat="1" ht="20.25" customHeight="1">
      <c r="B24" s="13"/>
      <c r="C24" s="13"/>
      <c r="D24" s="13"/>
      <c r="E24" s="13"/>
      <c r="F24" s="13"/>
      <c r="G24" s="13"/>
      <c r="H24" s="13"/>
      <c r="I24" s="13"/>
      <c r="J24" s="13"/>
      <c r="K24" s="13"/>
      <c r="L24" s="13"/>
      <c r="M24" s="13"/>
      <c r="N24" s="13"/>
      <c r="O24" s="13"/>
      <c r="P24" s="13"/>
      <c r="Q24" s="14"/>
      <c r="R24" s="13"/>
      <c r="S24" s="13"/>
      <c r="T24" s="13"/>
      <c r="U24" s="13"/>
      <c r="V24" s="13"/>
      <c r="W24" s="13"/>
      <c r="X24" s="13"/>
      <c r="Y24" s="13"/>
      <c r="Z24" s="13"/>
    </row>
    <row r="25" spans="1:26" ht="20.25" customHeight="1"/>
    <row r="26" spans="1:26" ht="20.25" customHeight="1"/>
    <row r="27" spans="1:26" ht="19.5" customHeight="1"/>
    <row r="28" spans="1:26" ht="19.5" customHeight="1"/>
    <row r="30" spans="1:26" ht="13.5">
      <c r="C30" s="7">
        <v>1</v>
      </c>
      <c r="D30" s="11" t="s">
        <v>35</v>
      </c>
      <c r="G30" s="5" t="s">
        <v>26</v>
      </c>
    </row>
    <row r="31" spans="1:26" ht="13.5">
      <c r="C31" s="7">
        <v>2</v>
      </c>
      <c r="D31" s="11" t="s">
        <v>36</v>
      </c>
      <c r="G31" s="5" t="s">
        <v>23</v>
      </c>
    </row>
    <row r="32" spans="1:26" ht="13.5">
      <c r="C32" s="7">
        <v>3</v>
      </c>
      <c r="D32" s="11" t="s">
        <v>37</v>
      </c>
      <c r="G32" s="5" t="s">
        <v>22</v>
      </c>
    </row>
    <row r="33" spans="3:16" ht="13.5">
      <c r="C33" s="7">
        <v>4</v>
      </c>
      <c r="D33" s="11" t="s">
        <v>38</v>
      </c>
      <c r="G33" s="5" t="s">
        <v>25</v>
      </c>
    </row>
    <row r="34" spans="3:16" ht="13.5">
      <c r="C34" s="7">
        <v>5</v>
      </c>
      <c r="D34" s="11" t="s">
        <v>39</v>
      </c>
      <c r="G34" s="5" t="s">
        <v>21</v>
      </c>
    </row>
    <row r="35" spans="3:16" ht="13.5">
      <c r="C35" s="7">
        <v>6</v>
      </c>
      <c r="D35" s="12" t="s">
        <v>40</v>
      </c>
      <c r="G35" s="5" t="s">
        <v>24</v>
      </c>
    </row>
    <row r="36" spans="3:16" ht="13.5">
      <c r="C36" s="7">
        <v>7</v>
      </c>
      <c r="D36" s="12" t="s">
        <v>41</v>
      </c>
      <c r="G36" s="5" t="s">
        <v>20</v>
      </c>
    </row>
    <row r="37" spans="3:16" ht="13.5">
      <c r="C37" s="7">
        <v>8</v>
      </c>
      <c r="D37" s="11" t="s">
        <v>42</v>
      </c>
      <c r="G37" s="5" t="s">
        <v>19</v>
      </c>
    </row>
    <row r="38" spans="3:16" ht="13.5">
      <c r="C38" s="7">
        <v>9</v>
      </c>
      <c r="D38" s="11" t="s">
        <v>43</v>
      </c>
      <c r="G38" s="5" t="s">
        <v>18</v>
      </c>
    </row>
    <row r="39" spans="3:16" ht="13.5">
      <c r="C39" s="7">
        <v>10</v>
      </c>
      <c r="D39" s="11" t="s">
        <v>44</v>
      </c>
      <c r="G39" s="5" t="s">
        <v>17</v>
      </c>
    </row>
    <row r="40" spans="3:16" ht="13.5">
      <c r="C40" s="7">
        <v>11</v>
      </c>
      <c r="D40" s="11" t="s">
        <v>45</v>
      </c>
      <c r="G40" s="5" t="s">
        <v>16</v>
      </c>
    </row>
    <row r="41" spans="3:16" ht="13.5">
      <c r="C41" s="7">
        <v>12</v>
      </c>
      <c r="D41" s="11" t="s">
        <v>46</v>
      </c>
      <c r="G41" s="5" t="s">
        <v>15</v>
      </c>
    </row>
    <row r="42" spans="3:16" ht="13.5">
      <c r="C42" s="7">
        <v>13</v>
      </c>
      <c r="D42" s="11" t="s">
        <v>47</v>
      </c>
      <c r="G42" s="5" t="s">
        <v>14</v>
      </c>
    </row>
    <row r="43" spans="3:16" ht="13.5">
      <c r="C43" s="7">
        <v>14</v>
      </c>
      <c r="D43" s="11" t="s">
        <v>48</v>
      </c>
      <c r="G43" s="5" t="s">
        <v>33</v>
      </c>
    </row>
    <row r="44" spans="3:16" ht="13.5">
      <c r="C44" s="7">
        <v>15</v>
      </c>
      <c r="D44" s="11" t="s">
        <v>49</v>
      </c>
      <c r="G44" s="5" t="s">
        <v>13</v>
      </c>
      <c r="P44" s="1"/>
    </row>
    <row r="45" spans="3:16" ht="13.5">
      <c r="C45" s="7">
        <v>16</v>
      </c>
      <c r="D45" s="11" t="s">
        <v>50</v>
      </c>
      <c r="G45" s="5" t="s">
        <v>12</v>
      </c>
      <c r="P45" s="1"/>
    </row>
    <row r="46" spans="3:16" ht="13.5">
      <c r="C46" s="7">
        <v>17</v>
      </c>
      <c r="D46" s="11" t="s">
        <v>51</v>
      </c>
      <c r="P46" s="1"/>
    </row>
    <row r="47" spans="3:16" ht="13.5">
      <c r="C47" s="7">
        <v>18</v>
      </c>
      <c r="D47" s="11" t="s">
        <v>52</v>
      </c>
      <c r="P47" s="1"/>
    </row>
    <row r="48" spans="3:16" ht="13.5">
      <c r="C48" s="7">
        <v>19</v>
      </c>
      <c r="D48" s="11" t="s">
        <v>53</v>
      </c>
      <c r="P48" s="1"/>
    </row>
    <row r="49" spans="3:16" ht="13.5">
      <c r="C49" s="7">
        <v>20</v>
      </c>
      <c r="D49" s="11" t="s">
        <v>54</v>
      </c>
      <c r="P49" s="1"/>
    </row>
    <row r="50" spans="3:16" ht="13.5">
      <c r="C50" s="7">
        <v>21</v>
      </c>
      <c r="D50" s="11" t="s">
        <v>55</v>
      </c>
      <c r="P50" s="1"/>
    </row>
    <row r="51" spans="3:16" ht="13.5">
      <c r="C51" s="7">
        <v>22</v>
      </c>
      <c r="D51" s="11" t="s">
        <v>56</v>
      </c>
      <c r="P51" s="1"/>
    </row>
    <row r="52" spans="3:16" ht="13.5">
      <c r="C52" s="7">
        <v>23</v>
      </c>
      <c r="D52" s="11" t="s">
        <v>57</v>
      </c>
      <c r="P52" s="1"/>
    </row>
    <row r="53" spans="3:16" ht="13.5">
      <c r="C53" s="7">
        <v>24</v>
      </c>
      <c r="D53" s="11" t="s">
        <v>58</v>
      </c>
      <c r="P53" s="1"/>
    </row>
    <row r="54" spans="3:16" ht="13.5">
      <c r="C54" s="7">
        <v>25</v>
      </c>
      <c r="D54" s="11" t="s">
        <v>59</v>
      </c>
      <c r="P54" s="1"/>
    </row>
    <row r="55" spans="3:16" ht="13.5">
      <c r="C55" s="7">
        <v>26</v>
      </c>
      <c r="D55" s="11" t="s">
        <v>60</v>
      </c>
      <c r="P55" s="1"/>
    </row>
    <row r="56" spans="3:16" ht="13.5">
      <c r="C56" s="7">
        <v>27</v>
      </c>
      <c r="D56" s="11" t="s">
        <v>61</v>
      </c>
      <c r="P56" s="1"/>
    </row>
    <row r="57" spans="3:16" ht="13.5">
      <c r="C57" s="7">
        <v>28</v>
      </c>
      <c r="D57" s="11" t="s">
        <v>62</v>
      </c>
      <c r="P57" s="1"/>
    </row>
    <row r="58" spans="3:16" ht="13.5">
      <c r="C58" s="7">
        <v>29</v>
      </c>
      <c r="D58" s="11" t="s">
        <v>63</v>
      </c>
      <c r="P58" s="1"/>
    </row>
    <row r="59" spans="3:16" ht="13.5">
      <c r="C59" s="7">
        <v>30</v>
      </c>
      <c r="D59" s="11" t="s">
        <v>64</v>
      </c>
      <c r="P59" s="1"/>
    </row>
    <row r="60" spans="3:16" ht="13.5">
      <c r="C60" s="7">
        <v>31</v>
      </c>
      <c r="D60" s="11" t="s">
        <v>65</v>
      </c>
      <c r="P60" s="1"/>
    </row>
    <row r="61" spans="3:16" ht="13.5">
      <c r="C61" s="7">
        <v>32</v>
      </c>
      <c r="D61" s="11" t="s">
        <v>66</v>
      </c>
      <c r="P61" s="1"/>
    </row>
    <row r="62" spans="3:16" ht="13.5">
      <c r="C62" s="7">
        <v>33</v>
      </c>
      <c r="D62" s="11" t="s">
        <v>67</v>
      </c>
      <c r="P62" s="1"/>
    </row>
    <row r="63" spans="3:16" ht="13.5">
      <c r="C63" s="7">
        <v>34</v>
      </c>
      <c r="D63" s="11" t="s">
        <v>68</v>
      </c>
      <c r="P63" s="1"/>
    </row>
    <row r="64" spans="3:16" ht="13.5">
      <c r="C64" s="7">
        <v>35</v>
      </c>
      <c r="D64" s="11" t="s">
        <v>69</v>
      </c>
      <c r="P64" s="1"/>
    </row>
    <row r="65" spans="3:16" ht="13.5">
      <c r="C65" s="7">
        <v>36</v>
      </c>
      <c r="D65" s="11" t="s">
        <v>70</v>
      </c>
      <c r="P65" s="1"/>
    </row>
    <row r="66" spans="3:16" ht="13.5">
      <c r="C66" s="7">
        <v>37</v>
      </c>
      <c r="D66" s="11" t="s">
        <v>71</v>
      </c>
      <c r="P66" s="1"/>
    </row>
    <row r="67" spans="3:16" ht="13.5">
      <c r="C67" s="7">
        <v>38</v>
      </c>
      <c r="D67" s="11" t="s">
        <v>72</v>
      </c>
      <c r="P67" s="1"/>
    </row>
    <row r="68" spans="3:16" ht="13.5">
      <c r="C68" s="7">
        <v>39</v>
      </c>
      <c r="D68" s="11" t="s">
        <v>73</v>
      </c>
      <c r="P68" s="1"/>
    </row>
    <row r="69" spans="3:16" ht="13.5">
      <c r="C69" s="7">
        <v>40</v>
      </c>
      <c r="D69" s="11" t="s">
        <v>74</v>
      </c>
      <c r="P69" s="1"/>
    </row>
    <row r="70" spans="3:16" ht="13.5">
      <c r="C70" s="7">
        <v>41</v>
      </c>
      <c r="D70" s="11" t="s">
        <v>75</v>
      </c>
      <c r="P70" s="1"/>
    </row>
    <row r="71" spans="3:16" ht="13.5">
      <c r="C71" s="7">
        <v>42</v>
      </c>
      <c r="D71" s="11" t="s">
        <v>76</v>
      </c>
      <c r="P71" s="1"/>
    </row>
    <row r="72" spans="3:16" ht="13.5">
      <c r="C72" s="7">
        <v>43</v>
      </c>
      <c r="D72" s="11" t="s">
        <v>77</v>
      </c>
      <c r="P72" s="1"/>
    </row>
    <row r="73" spans="3:16" ht="13.5">
      <c r="C73" s="7">
        <v>44</v>
      </c>
      <c r="D73" s="11" t="s">
        <v>78</v>
      </c>
      <c r="P73" s="1"/>
    </row>
    <row r="74" spans="3:16" ht="13.5">
      <c r="C74" s="7">
        <v>45</v>
      </c>
      <c r="D74" s="11" t="s">
        <v>79</v>
      </c>
      <c r="P74" s="1"/>
    </row>
    <row r="75" spans="3:16" ht="13.5">
      <c r="C75" s="7">
        <v>46</v>
      </c>
      <c r="D75" s="11" t="s">
        <v>80</v>
      </c>
      <c r="P75" s="1"/>
    </row>
    <row r="76" spans="3:16" ht="13.5">
      <c r="C76" s="7">
        <v>47</v>
      </c>
      <c r="D76" s="11" t="s">
        <v>81</v>
      </c>
      <c r="P76" s="1"/>
    </row>
    <row r="77" spans="3:16">
      <c r="P77" s="1"/>
    </row>
    <row r="78" spans="3:16">
      <c r="P78" s="1"/>
    </row>
    <row r="79" spans="3:16">
      <c r="P79" s="1"/>
    </row>
    <row r="80" spans="3:16">
      <c r="P80" s="1"/>
    </row>
  </sheetData>
  <dataConsolidate/>
  <mergeCells count="2">
    <mergeCell ref="X2:Y2"/>
    <mergeCell ref="V2:W2"/>
  </mergeCells>
  <phoneticPr fontId="1"/>
  <dataValidations xWindow="1442" yWindow="513" count="14">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N4:N18"/>
    <dataValidation showInputMessage="1" showErrorMessage="1" errorTitle="ドロップダウンリストより選択してください" promptTitle="千円単位" prompt="千円単位で記載してください" sqref="K4:L18"/>
    <dataValidation allowBlank="1" showErrorMessage="1" promptTitle="年月日を記載してください" prompt="書式設定を変更せずに、年月日を記載してください" sqref="Z4:Z18 Q4:Q17 R4:S18"/>
    <dataValidation allowBlank="1" showInputMessage="1" showErrorMessage="1" promptTitle="市町村名について" prompt="都道府県においては施設の所在市区町村名を記入してください。市区町村においては自治体名を記入してください。" sqref="E4:E18"/>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730（千円）、15,400（千円）を選択してください" sqref="M4:M18">
      <formula1>"7，730,15，400"</formula1>
    </dataValidation>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U4:U18">
      <formula1>"有,無"</formula1>
    </dataValidation>
    <dataValidation type="list" allowBlank="1" showInputMessage="1" showErrorMessage="1" errorTitle="ドロップダウンリストより選択してください" promptTitle="非常災害対策計画の作成について" prompt="対象施設について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X4:X18">
      <formula1>"作成済み,作成見込み,未作成"</formula1>
    </dataValidation>
    <dataValidation allowBlank="1" showInputMessage="1" showErrorMessage="1" promptTitle="作成時期について" prompt="非常災害対策計画において「作成見込み」と回答した場合、具体的な日付を明記してください。" sqref="Y4:Y18"/>
    <dataValidation type="list" allowBlank="1" showInputMessage="1" showErrorMessage="1" promptTitle="ドロップダウンリストより選択してください" sqref="G4:G18">
      <formula1>$G$30:$G$45</formula1>
    </dataValidation>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T4:T18">
      <formula1>"有,無"</formula1>
    </dataValidation>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V4:V18">
      <formula1>"作成済み,作成見込み,未作成"</formula1>
    </dataValidation>
    <dataValidation allowBlank="1" showInputMessage="1" showErrorMessage="1" promptTitle="作成時期について" prompt="業務継続計画（BCP)において「作成見込み」と回答した場合、具体的な日付を明記してください。" sqref="W4:W18"/>
  </dataValidations>
  <pageMargins left="0.93" right="0.16" top="0.74803149606299213" bottom="0.74803149606299213" header="0.31496062992125984" footer="0.31496062992125984"/>
  <pageSetup paperSize="8" scale="49" fitToHeight="0" orientation="landscape"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pageSetUpPr fitToPage="1"/>
  </sheetPr>
  <dimension ref="A1:W80"/>
  <sheetViews>
    <sheetView view="pageBreakPreview" zoomScaleNormal="100" zoomScaleSheetLayoutView="100" workbookViewId="0">
      <pane ySplit="3" topLeftCell="A4" activePane="bottomLeft" state="frozen"/>
      <selection activeCell="M35" sqref="M35"/>
      <selection pane="bottomLeft" activeCell="A2" sqref="A2"/>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5" style="5" customWidth="1"/>
    <col min="10" max="10" width="43" style="5" customWidth="1"/>
    <col min="11" max="15" width="12.875" style="5" customWidth="1"/>
    <col min="16" max="16" width="16.125" style="5" customWidth="1"/>
    <col min="17" max="18" width="10.625" style="5" customWidth="1"/>
    <col min="19" max="22" width="10.5" style="5" customWidth="1"/>
    <col min="23" max="23" width="11.625" style="5" customWidth="1"/>
    <col min="24" max="16384" width="4.25" style="5"/>
  </cols>
  <sheetData>
    <row r="1" spans="1:23" ht="18.75">
      <c r="N1" s="4"/>
      <c r="O1" s="3"/>
      <c r="W1" s="46" t="s">
        <v>187</v>
      </c>
    </row>
    <row r="2" spans="1:23" ht="20.100000000000001" customHeight="1">
      <c r="A2" s="41" t="s">
        <v>159</v>
      </c>
      <c r="B2" s="14"/>
      <c r="C2" s="14"/>
      <c r="D2" s="14"/>
      <c r="E2" s="14"/>
      <c r="F2" s="14"/>
      <c r="G2" s="14"/>
      <c r="H2" s="14"/>
      <c r="I2" s="14"/>
      <c r="J2" s="14"/>
      <c r="K2" s="14"/>
      <c r="L2" s="14"/>
      <c r="M2" s="14"/>
      <c r="N2" s="14"/>
      <c r="O2" s="14"/>
      <c r="P2" s="14"/>
      <c r="Q2" s="14"/>
      <c r="R2" s="14"/>
      <c r="S2" s="124" t="s">
        <v>222</v>
      </c>
      <c r="T2" s="124"/>
      <c r="U2" s="124" t="s">
        <v>174</v>
      </c>
      <c r="V2" s="124"/>
      <c r="W2" s="14"/>
    </row>
    <row r="3" spans="1:23" s="8" customFormat="1" ht="123.75" customHeight="1">
      <c r="A3" s="50" t="s">
        <v>0</v>
      </c>
      <c r="B3" s="51" t="s">
        <v>1</v>
      </c>
      <c r="C3" s="51" t="s">
        <v>34</v>
      </c>
      <c r="D3" s="52" t="s">
        <v>104</v>
      </c>
      <c r="E3" s="51" t="s">
        <v>2</v>
      </c>
      <c r="F3" s="51" t="s">
        <v>103</v>
      </c>
      <c r="G3" s="51" t="s">
        <v>11</v>
      </c>
      <c r="H3" s="51" t="s">
        <v>6</v>
      </c>
      <c r="I3" s="51" t="s">
        <v>3</v>
      </c>
      <c r="J3" s="53" t="s">
        <v>146</v>
      </c>
      <c r="K3" s="51" t="s">
        <v>10</v>
      </c>
      <c r="L3" s="51" t="s">
        <v>99</v>
      </c>
      <c r="M3" s="51" t="s">
        <v>9</v>
      </c>
      <c r="N3" s="52" t="s">
        <v>8</v>
      </c>
      <c r="O3" s="53" t="s">
        <v>138</v>
      </c>
      <c r="P3" s="107" t="s">
        <v>182</v>
      </c>
      <c r="Q3" s="51" t="s">
        <v>211</v>
      </c>
      <c r="R3" s="116" t="s">
        <v>162</v>
      </c>
      <c r="S3" s="106" t="s">
        <v>101</v>
      </c>
      <c r="T3" s="106" t="s">
        <v>173</v>
      </c>
      <c r="U3" s="51" t="s">
        <v>175</v>
      </c>
      <c r="V3" s="51" t="s">
        <v>173</v>
      </c>
      <c r="W3" s="53" t="s">
        <v>5</v>
      </c>
    </row>
    <row r="4" spans="1:23" ht="20.25" customHeight="1">
      <c r="A4" s="42">
        <v>1</v>
      </c>
      <c r="B4" s="16"/>
      <c r="C4" s="17"/>
      <c r="D4" s="18" t="e">
        <f t="shared" ref="D4:D18" si="0">VLOOKUP(C4,$C$30:$D$76,2)</f>
        <v>#N/A</v>
      </c>
      <c r="E4" s="17"/>
      <c r="F4" s="19"/>
      <c r="G4" s="19"/>
      <c r="H4" s="19"/>
      <c r="I4" s="16"/>
      <c r="J4" s="57"/>
      <c r="K4" s="20"/>
      <c r="L4" s="20"/>
      <c r="M4" s="6"/>
      <c r="N4" s="22"/>
      <c r="O4" s="23"/>
      <c r="P4" s="109"/>
      <c r="Q4" s="24"/>
      <c r="R4" s="19"/>
      <c r="S4" s="19"/>
      <c r="T4" s="19"/>
      <c r="U4" s="19"/>
      <c r="V4" s="19"/>
      <c r="W4" s="58"/>
    </row>
    <row r="5" spans="1:23" ht="20.25" customHeight="1">
      <c r="A5" s="42">
        <v>2</v>
      </c>
      <c r="B5" s="16"/>
      <c r="C5" s="17"/>
      <c r="D5" s="18" t="e">
        <f t="shared" si="0"/>
        <v>#N/A</v>
      </c>
      <c r="E5" s="17"/>
      <c r="F5" s="19"/>
      <c r="G5" s="19"/>
      <c r="H5" s="19"/>
      <c r="I5" s="16"/>
      <c r="J5" s="57"/>
      <c r="K5" s="20"/>
      <c r="L5" s="20"/>
      <c r="M5" s="6"/>
      <c r="N5" s="22"/>
      <c r="O5" s="23"/>
      <c r="P5" s="109"/>
      <c r="Q5" s="24"/>
      <c r="R5" s="19"/>
      <c r="S5" s="19"/>
      <c r="T5" s="19"/>
      <c r="U5" s="19"/>
      <c r="V5" s="19"/>
      <c r="W5" s="58"/>
    </row>
    <row r="6" spans="1:23" ht="20.25" customHeight="1">
      <c r="A6" s="42">
        <v>3</v>
      </c>
      <c r="B6" s="16"/>
      <c r="C6" s="17"/>
      <c r="D6" s="18" t="e">
        <f t="shared" si="0"/>
        <v>#N/A</v>
      </c>
      <c r="E6" s="17"/>
      <c r="F6" s="42"/>
      <c r="G6" s="19"/>
      <c r="H6" s="19"/>
      <c r="I6" s="16"/>
      <c r="J6" s="57"/>
      <c r="K6" s="20"/>
      <c r="L6" s="20"/>
      <c r="M6" s="6"/>
      <c r="N6" s="22"/>
      <c r="O6" s="23"/>
      <c r="P6" s="109"/>
      <c r="Q6" s="24"/>
      <c r="R6" s="19"/>
      <c r="S6" s="19"/>
      <c r="T6" s="19"/>
      <c r="U6" s="19"/>
      <c r="V6" s="19"/>
      <c r="W6" s="58"/>
    </row>
    <row r="7" spans="1:23" ht="20.25" customHeight="1">
      <c r="A7" s="42">
        <v>4</v>
      </c>
      <c r="B7" s="16"/>
      <c r="C7" s="17"/>
      <c r="D7" s="18" t="e">
        <f t="shared" si="0"/>
        <v>#N/A</v>
      </c>
      <c r="E7" s="17"/>
      <c r="F7" s="19"/>
      <c r="G7" s="19"/>
      <c r="H7" s="19"/>
      <c r="I7" s="16"/>
      <c r="J7" s="57"/>
      <c r="K7" s="20"/>
      <c r="L7" s="20"/>
      <c r="M7" s="6"/>
      <c r="N7" s="22"/>
      <c r="O7" s="23"/>
      <c r="P7" s="109"/>
      <c r="Q7" s="24"/>
      <c r="R7" s="19"/>
      <c r="S7" s="19"/>
      <c r="T7" s="19"/>
      <c r="U7" s="19"/>
      <c r="V7" s="19"/>
      <c r="W7" s="58"/>
    </row>
    <row r="8" spans="1:23" ht="20.25" customHeight="1">
      <c r="A8" s="42">
        <v>5</v>
      </c>
      <c r="B8" s="16"/>
      <c r="C8" s="17"/>
      <c r="D8" s="18" t="e">
        <f t="shared" si="0"/>
        <v>#N/A</v>
      </c>
      <c r="E8" s="17"/>
      <c r="F8" s="19"/>
      <c r="G8" s="19"/>
      <c r="H8" s="19"/>
      <c r="I8" s="16"/>
      <c r="J8" s="57"/>
      <c r="K8" s="20"/>
      <c r="L8" s="20"/>
      <c r="M8" s="6"/>
      <c r="N8" s="22"/>
      <c r="O8" s="23"/>
      <c r="P8" s="109"/>
      <c r="Q8" s="24"/>
      <c r="R8" s="19"/>
      <c r="S8" s="19"/>
      <c r="T8" s="19"/>
      <c r="U8" s="19"/>
      <c r="V8" s="19"/>
      <c r="W8" s="58"/>
    </row>
    <row r="9" spans="1:23" ht="20.25" customHeight="1">
      <c r="A9" s="42">
        <v>6</v>
      </c>
      <c r="B9" s="16"/>
      <c r="C9" s="17"/>
      <c r="D9" s="18" t="e">
        <f t="shared" si="0"/>
        <v>#N/A</v>
      </c>
      <c r="E9" s="17"/>
      <c r="F9" s="19"/>
      <c r="G9" s="19"/>
      <c r="H9" s="19"/>
      <c r="I9" s="16"/>
      <c r="J9" s="57"/>
      <c r="K9" s="20"/>
      <c r="L9" s="20"/>
      <c r="M9" s="6"/>
      <c r="N9" s="22"/>
      <c r="O9" s="23"/>
      <c r="P9" s="109"/>
      <c r="Q9" s="24"/>
      <c r="R9" s="19"/>
      <c r="S9" s="19"/>
      <c r="T9" s="19"/>
      <c r="U9" s="19"/>
      <c r="V9" s="19"/>
      <c r="W9" s="58"/>
    </row>
    <row r="10" spans="1:23" ht="20.25" customHeight="1">
      <c r="A10" s="42">
        <v>7</v>
      </c>
      <c r="B10" s="16"/>
      <c r="C10" s="17"/>
      <c r="D10" s="18" t="e">
        <f t="shared" si="0"/>
        <v>#N/A</v>
      </c>
      <c r="E10" s="17"/>
      <c r="F10" s="19"/>
      <c r="G10" s="19"/>
      <c r="H10" s="19"/>
      <c r="I10" s="16"/>
      <c r="J10" s="57"/>
      <c r="K10" s="20"/>
      <c r="L10" s="20"/>
      <c r="M10" s="6"/>
      <c r="N10" s="22"/>
      <c r="O10" s="23"/>
      <c r="P10" s="109"/>
      <c r="Q10" s="24"/>
      <c r="R10" s="19"/>
      <c r="S10" s="19"/>
      <c r="T10" s="19"/>
      <c r="U10" s="19"/>
      <c r="V10" s="19"/>
      <c r="W10" s="58"/>
    </row>
    <row r="11" spans="1:23" ht="20.25" customHeight="1">
      <c r="A11" s="42">
        <v>8</v>
      </c>
      <c r="B11" s="16"/>
      <c r="C11" s="17"/>
      <c r="D11" s="18" t="e">
        <f t="shared" si="0"/>
        <v>#N/A</v>
      </c>
      <c r="E11" s="17"/>
      <c r="F11" s="19"/>
      <c r="G11" s="19"/>
      <c r="H11" s="19"/>
      <c r="I11" s="16"/>
      <c r="J11" s="57"/>
      <c r="K11" s="20"/>
      <c r="L11" s="20"/>
      <c r="M11" s="6"/>
      <c r="N11" s="22"/>
      <c r="O11" s="23"/>
      <c r="P11" s="109"/>
      <c r="Q11" s="24"/>
      <c r="R11" s="19"/>
      <c r="S11" s="19"/>
      <c r="T11" s="19"/>
      <c r="U11" s="19"/>
      <c r="V11" s="19"/>
      <c r="W11" s="58"/>
    </row>
    <row r="12" spans="1:23" ht="20.25" customHeight="1">
      <c r="A12" s="42">
        <v>9</v>
      </c>
      <c r="B12" s="16"/>
      <c r="C12" s="17"/>
      <c r="D12" s="18" t="e">
        <f t="shared" si="0"/>
        <v>#N/A</v>
      </c>
      <c r="E12" s="17"/>
      <c r="F12" s="19"/>
      <c r="G12" s="19"/>
      <c r="H12" s="19"/>
      <c r="I12" s="16"/>
      <c r="J12" s="57"/>
      <c r="K12" s="20"/>
      <c r="L12" s="20"/>
      <c r="M12" s="6"/>
      <c r="N12" s="22"/>
      <c r="O12" s="23"/>
      <c r="P12" s="109"/>
      <c r="Q12" s="24"/>
      <c r="R12" s="19"/>
      <c r="S12" s="19"/>
      <c r="T12" s="19"/>
      <c r="U12" s="19"/>
      <c r="V12" s="19"/>
      <c r="W12" s="58"/>
    </row>
    <row r="13" spans="1:23" ht="20.25" customHeight="1">
      <c r="A13" s="42">
        <v>10</v>
      </c>
      <c r="B13" s="16"/>
      <c r="C13" s="17"/>
      <c r="D13" s="18" t="e">
        <f t="shared" si="0"/>
        <v>#N/A</v>
      </c>
      <c r="E13" s="17"/>
      <c r="F13" s="19"/>
      <c r="G13" s="19"/>
      <c r="H13" s="19"/>
      <c r="I13" s="16"/>
      <c r="J13" s="57"/>
      <c r="K13" s="20"/>
      <c r="L13" s="20"/>
      <c r="M13" s="6"/>
      <c r="N13" s="22"/>
      <c r="O13" s="23"/>
      <c r="P13" s="109"/>
      <c r="Q13" s="24"/>
      <c r="R13" s="19"/>
      <c r="S13" s="19"/>
      <c r="T13" s="19"/>
      <c r="U13" s="19"/>
      <c r="V13" s="19"/>
      <c r="W13" s="58"/>
    </row>
    <row r="14" spans="1:23" ht="20.25" customHeight="1">
      <c r="A14" s="42">
        <v>11</v>
      </c>
      <c r="B14" s="16"/>
      <c r="C14" s="17"/>
      <c r="D14" s="18" t="e">
        <f t="shared" si="0"/>
        <v>#N/A</v>
      </c>
      <c r="E14" s="17"/>
      <c r="F14" s="19"/>
      <c r="G14" s="19"/>
      <c r="H14" s="19"/>
      <c r="I14" s="16"/>
      <c r="J14" s="57"/>
      <c r="K14" s="20"/>
      <c r="L14" s="20"/>
      <c r="M14" s="6"/>
      <c r="N14" s="22"/>
      <c r="O14" s="23"/>
      <c r="P14" s="109"/>
      <c r="Q14" s="24"/>
      <c r="R14" s="19"/>
      <c r="S14" s="19"/>
      <c r="T14" s="19"/>
      <c r="U14" s="19"/>
      <c r="V14" s="19"/>
      <c r="W14" s="58"/>
    </row>
    <row r="15" spans="1:23" ht="20.25" customHeight="1">
      <c r="A15" s="42">
        <v>12</v>
      </c>
      <c r="B15" s="16"/>
      <c r="C15" s="17"/>
      <c r="D15" s="18" t="e">
        <f t="shared" si="0"/>
        <v>#N/A</v>
      </c>
      <c r="E15" s="17"/>
      <c r="F15" s="19"/>
      <c r="G15" s="19"/>
      <c r="H15" s="19"/>
      <c r="I15" s="16"/>
      <c r="J15" s="57"/>
      <c r="K15" s="20"/>
      <c r="L15" s="20"/>
      <c r="M15" s="6"/>
      <c r="N15" s="22"/>
      <c r="O15" s="23"/>
      <c r="P15" s="109"/>
      <c r="Q15" s="24"/>
      <c r="R15" s="19"/>
      <c r="S15" s="19"/>
      <c r="T15" s="19"/>
      <c r="U15" s="19"/>
      <c r="V15" s="19"/>
      <c r="W15" s="58"/>
    </row>
    <row r="16" spans="1:23" ht="20.25" customHeight="1">
      <c r="A16" s="42">
        <v>13</v>
      </c>
      <c r="B16" s="16"/>
      <c r="C16" s="17"/>
      <c r="D16" s="18" t="e">
        <f t="shared" si="0"/>
        <v>#N/A</v>
      </c>
      <c r="E16" s="17"/>
      <c r="F16" s="19"/>
      <c r="G16" s="19"/>
      <c r="H16" s="19"/>
      <c r="I16" s="16"/>
      <c r="J16" s="57"/>
      <c r="K16" s="20"/>
      <c r="L16" s="20"/>
      <c r="M16" s="6"/>
      <c r="N16" s="22"/>
      <c r="O16" s="23"/>
      <c r="P16" s="109"/>
      <c r="Q16" s="24"/>
      <c r="R16" s="19"/>
      <c r="S16" s="19"/>
      <c r="T16" s="19"/>
      <c r="U16" s="19"/>
      <c r="V16" s="19"/>
      <c r="W16" s="58"/>
    </row>
    <row r="17" spans="1:23" ht="20.25" customHeight="1">
      <c r="A17" s="42">
        <v>14</v>
      </c>
      <c r="B17" s="16"/>
      <c r="C17" s="17"/>
      <c r="D17" s="18" t="e">
        <f t="shared" si="0"/>
        <v>#N/A</v>
      </c>
      <c r="E17" s="17"/>
      <c r="F17" s="19"/>
      <c r="G17" s="19"/>
      <c r="H17" s="19"/>
      <c r="I17" s="16"/>
      <c r="J17" s="57"/>
      <c r="K17" s="20"/>
      <c r="L17" s="20"/>
      <c r="M17" s="6"/>
      <c r="N17" s="22"/>
      <c r="O17" s="23"/>
      <c r="P17" s="109"/>
      <c r="Q17" s="24"/>
      <c r="R17" s="19"/>
      <c r="S17" s="19"/>
      <c r="T17" s="19"/>
      <c r="U17" s="19"/>
      <c r="V17" s="19"/>
      <c r="W17" s="58"/>
    </row>
    <row r="18" spans="1:23" ht="20.25" customHeight="1">
      <c r="A18" s="42">
        <v>15</v>
      </c>
      <c r="B18" s="16"/>
      <c r="C18" s="17"/>
      <c r="D18" s="18" t="e">
        <f t="shared" si="0"/>
        <v>#N/A</v>
      </c>
      <c r="E18" s="17"/>
      <c r="F18" s="19"/>
      <c r="G18" s="19"/>
      <c r="H18" s="19"/>
      <c r="I18" s="16"/>
      <c r="J18" s="57"/>
      <c r="K18" s="20"/>
      <c r="L18" s="20"/>
      <c r="M18" s="6"/>
      <c r="N18" s="22"/>
      <c r="O18" s="23"/>
      <c r="P18" s="109"/>
      <c r="Q18" s="24"/>
      <c r="R18" s="19"/>
      <c r="S18" s="19"/>
      <c r="T18" s="19"/>
      <c r="U18" s="19"/>
      <c r="V18" s="19"/>
      <c r="W18" s="58"/>
    </row>
    <row r="19" spans="1:23" s="9" customFormat="1" ht="20.25" customHeight="1">
      <c r="A19" s="25" t="s">
        <v>7</v>
      </c>
      <c r="B19" s="13"/>
      <c r="C19" s="13"/>
      <c r="D19" s="13"/>
      <c r="E19" s="13"/>
      <c r="F19" s="13"/>
      <c r="G19" s="13"/>
      <c r="H19" s="13"/>
      <c r="I19" s="13"/>
      <c r="J19" s="13"/>
      <c r="K19" s="13"/>
      <c r="L19" s="13"/>
      <c r="M19" s="13"/>
      <c r="N19" s="13"/>
      <c r="O19" s="13"/>
      <c r="P19" s="13"/>
      <c r="Q19" s="13"/>
      <c r="R19" s="13"/>
      <c r="S19" s="13"/>
      <c r="T19" s="13"/>
      <c r="U19" s="13"/>
      <c r="V19" s="13"/>
      <c r="W19" s="13"/>
    </row>
    <row r="20" spans="1:23" s="9" customFormat="1" ht="20.25" customHeight="1">
      <c r="A20" s="13" t="s">
        <v>4</v>
      </c>
      <c r="B20" s="13"/>
      <c r="C20" s="13"/>
      <c r="D20" s="13"/>
      <c r="E20" s="13"/>
      <c r="F20" s="13"/>
      <c r="G20" s="13"/>
      <c r="H20" s="13"/>
      <c r="I20" s="13"/>
      <c r="J20" s="13"/>
      <c r="K20" s="13"/>
      <c r="L20" s="13"/>
      <c r="M20" s="13"/>
      <c r="N20" s="13"/>
      <c r="O20" s="13"/>
      <c r="P20" s="13"/>
      <c r="Q20" s="13"/>
      <c r="R20" s="13"/>
      <c r="S20" s="13"/>
      <c r="T20" s="13"/>
      <c r="U20" s="13"/>
      <c r="V20" s="13"/>
      <c r="W20" s="13"/>
    </row>
    <row r="21" spans="1:23" s="10" customFormat="1" ht="20.100000000000001" customHeight="1">
      <c r="A21" s="27" t="s">
        <v>32</v>
      </c>
      <c r="B21" s="13"/>
      <c r="C21" s="13"/>
      <c r="D21" s="13"/>
      <c r="E21" s="13"/>
      <c r="F21" s="13"/>
      <c r="G21" s="13"/>
      <c r="H21" s="13"/>
      <c r="I21" s="13"/>
      <c r="J21" s="13"/>
      <c r="K21" s="13"/>
      <c r="L21" s="13"/>
      <c r="M21" s="13"/>
      <c r="N21" s="13"/>
      <c r="O21" s="13"/>
      <c r="P21" s="13"/>
      <c r="Q21" s="13"/>
      <c r="R21" s="13"/>
      <c r="S21" s="13"/>
      <c r="T21" s="13"/>
      <c r="U21" s="13"/>
      <c r="V21" s="13"/>
      <c r="W21" s="13"/>
    </row>
    <row r="22" spans="1:23" s="9" customFormat="1" ht="20.25" customHeight="1">
      <c r="A22" s="13" t="s">
        <v>137</v>
      </c>
      <c r="B22" s="13"/>
      <c r="C22" s="13"/>
      <c r="D22" s="13"/>
      <c r="E22" s="13"/>
      <c r="F22" s="13"/>
      <c r="G22" s="13"/>
      <c r="H22" s="13"/>
      <c r="I22" s="13"/>
      <c r="J22" s="13"/>
      <c r="K22" s="13"/>
      <c r="L22" s="13"/>
      <c r="M22" s="13"/>
      <c r="N22" s="13"/>
      <c r="O22" s="13"/>
      <c r="P22" s="13"/>
      <c r="Q22" s="13"/>
      <c r="R22" s="13"/>
      <c r="S22" s="13"/>
      <c r="T22" s="13"/>
      <c r="U22" s="13"/>
      <c r="V22" s="13"/>
      <c r="W22" s="13"/>
    </row>
    <row r="23" spans="1:23" s="10" customFormat="1" ht="20.100000000000001" customHeight="1">
      <c r="A23" s="13"/>
      <c r="B23" s="13"/>
      <c r="C23" s="13"/>
      <c r="D23" s="13"/>
      <c r="E23" s="13"/>
      <c r="F23" s="13"/>
      <c r="G23" s="13"/>
      <c r="H23" s="13"/>
      <c r="I23" s="13"/>
      <c r="J23" s="13"/>
      <c r="K23" s="13"/>
      <c r="L23" s="13"/>
      <c r="M23" s="13"/>
      <c r="N23" s="13"/>
      <c r="O23" s="13"/>
      <c r="P23" s="13"/>
      <c r="Q23" s="13"/>
      <c r="R23" s="13"/>
      <c r="S23" s="13"/>
      <c r="T23" s="13"/>
      <c r="U23" s="13"/>
      <c r="V23" s="13"/>
      <c r="W23" s="13"/>
    </row>
    <row r="24" spans="1:23" s="9" customFormat="1" ht="20.25" customHeight="1">
      <c r="B24" s="13"/>
      <c r="C24" s="13"/>
      <c r="D24" s="13"/>
      <c r="E24" s="13"/>
      <c r="F24" s="13"/>
      <c r="G24" s="13"/>
      <c r="H24" s="13"/>
      <c r="I24" s="13"/>
      <c r="J24" s="13"/>
      <c r="K24" s="13"/>
      <c r="L24" s="13"/>
      <c r="M24" s="13"/>
      <c r="N24" s="13"/>
      <c r="O24" s="13"/>
      <c r="P24" s="13"/>
      <c r="Q24" s="13"/>
      <c r="R24" s="13"/>
      <c r="S24" s="13"/>
      <c r="T24" s="13"/>
      <c r="U24" s="13"/>
      <c r="V24" s="13"/>
      <c r="W24" s="13"/>
    </row>
    <row r="25" spans="1:23" ht="20.25" customHeight="1"/>
    <row r="26" spans="1:23" ht="20.25" customHeight="1"/>
    <row r="27" spans="1:23" ht="19.5" customHeight="1"/>
    <row r="28" spans="1:23" ht="19.5" customHeight="1"/>
    <row r="30" spans="1:23" ht="18">
      <c r="C30" s="83">
        <v>1</v>
      </c>
      <c r="D30" s="84" t="s">
        <v>35</v>
      </c>
      <c r="E30" s="86" t="s">
        <v>190</v>
      </c>
      <c r="F30" s="82"/>
      <c r="G30" s="82"/>
      <c r="M30" s="2"/>
    </row>
    <row r="31" spans="1:23" ht="18">
      <c r="C31" s="83">
        <v>2</v>
      </c>
      <c r="D31" s="84" t="s">
        <v>36</v>
      </c>
      <c r="E31" s="86" t="s">
        <v>191</v>
      </c>
      <c r="F31" s="82"/>
      <c r="G31" s="82"/>
    </row>
    <row r="32" spans="1:23" ht="18">
      <c r="C32" s="83">
        <v>3</v>
      </c>
      <c r="D32" s="84" t="s">
        <v>37</v>
      </c>
      <c r="E32" s="86" t="s">
        <v>192</v>
      </c>
      <c r="F32" s="82"/>
      <c r="G32" s="82"/>
    </row>
    <row r="33" spans="3:16" ht="18">
      <c r="C33" s="83">
        <v>4</v>
      </c>
      <c r="D33" s="84" t="s">
        <v>38</v>
      </c>
      <c r="E33" s="86" t="s">
        <v>193</v>
      </c>
      <c r="F33" s="82"/>
      <c r="G33" s="82"/>
    </row>
    <row r="34" spans="3:16" ht="18">
      <c r="C34" s="83">
        <v>5</v>
      </c>
      <c r="D34" s="84" t="s">
        <v>39</v>
      </c>
      <c r="E34" s="86" t="s">
        <v>194</v>
      </c>
      <c r="F34" s="82"/>
      <c r="G34" s="82"/>
    </row>
    <row r="35" spans="3:16" ht="18">
      <c r="C35" s="83">
        <v>6</v>
      </c>
      <c r="D35" s="85" t="s">
        <v>40</v>
      </c>
      <c r="E35" s="86" t="s">
        <v>195</v>
      </c>
      <c r="F35" s="82"/>
      <c r="G35" s="82"/>
    </row>
    <row r="36" spans="3:16" ht="18">
      <c r="C36" s="83">
        <v>7</v>
      </c>
      <c r="D36" s="85" t="s">
        <v>41</v>
      </c>
      <c r="E36" s="86" t="s">
        <v>196</v>
      </c>
      <c r="F36" s="82"/>
      <c r="G36" s="82"/>
    </row>
    <row r="37" spans="3:16" ht="18">
      <c r="C37" s="83">
        <v>8</v>
      </c>
      <c r="D37" s="84" t="s">
        <v>42</v>
      </c>
      <c r="E37" s="86" t="s">
        <v>197</v>
      </c>
      <c r="F37" s="82"/>
      <c r="G37" s="82"/>
    </row>
    <row r="38" spans="3:16" ht="18">
      <c r="C38" s="83">
        <v>9</v>
      </c>
      <c r="D38" s="84" t="s">
        <v>43</v>
      </c>
      <c r="E38" s="86" t="s">
        <v>198</v>
      </c>
      <c r="F38" s="82"/>
      <c r="G38" s="82"/>
    </row>
    <row r="39" spans="3:16" ht="18">
      <c r="C39" s="83">
        <v>10</v>
      </c>
      <c r="D39" s="84" t="s">
        <v>44</v>
      </c>
      <c r="E39" s="86" t="s">
        <v>199</v>
      </c>
      <c r="F39" s="82"/>
      <c r="G39" s="82"/>
    </row>
    <row r="40" spans="3:16" ht="18">
      <c r="C40" s="83">
        <v>11</v>
      </c>
      <c r="D40" s="84" t="s">
        <v>45</v>
      </c>
      <c r="E40" s="86" t="s">
        <v>200</v>
      </c>
      <c r="F40" s="82"/>
      <c r="G40" s="82"/>
    </row>
    <row r="41" spans="3:16" ht="18">
      <c r="C41" s="83">
        <v>12</v>
      </c>
      <c r="D41" s="84" t="s">
        <v>46</v>
      </c>
      <c r="E41" s="86" t="s">
        <v>201</v>
      </c>
      <c r="F41" s="82"/>
      <c r="G41" s="82"/>
    </row>
    <row r="42" spans="3:16" ht="18">
      <c r="C42" s="83">
        <v>13</v>
      </c>
      <c r="D42" s="84" t="s">
        <v>47</v>
      </c>
      <c r="E42" s="86" t="s">
        <v>202</v>
      </c>
      <c r="F42" s="82"/>
      <c r="G42" s="82"/>
    </row>
    <row r="43" spans="3:16" ht="18">
      <c r="C43" s="83">
        <v>14</v>
      </c>
      <c r="D43" s="84" t="s">
        <v>48</v>
      </c>
      <c r="E43" s="86" t="s">
        <v>203</v>
      </c>
      <c r="F43" s="82"/>
      <c r="G43" s="82"/>
    </row>
    <row r="44" spans="3:16" ht="18">
      <c r="C44" s="83">
        <v>15</v>
      </c>
      <c r="D44" s="84" t="s">
        <v>49</v>
      </c>
      <c r="E44" s="86" t="s">
        <v>204</v>
      </c>
      <c r="F44" s="82"/>
      <c r="G44" s="82"/>
      <c r="P44" s="1"/>
    </row>
    <row r="45" spans="3:16" ht="18">
      <c r="C45" s="83">
        <v>16</v>
      </c>
      <c r="D45" s="84" t="s">
        <v>50</v>
      </c>
      <c r="E45" s="86" t="s">
        <v>205</v>
      </c>
      <c r="F45" s="82"/>
      <c r="G45" s="82"/>
      <c r="P45" s="1"/>
    </row>
    <row r="46" spans="3:16" ht="18">
      <c r="C46" s="83">
        <v>17</v>
      </c>
      <c r="D46" s="84" t="s">
        <v>51</v>
      </c>
      <c r="E46" s="89" t="s">
        <v>206</v>
      </c>
      <c r="F46" s="82"/>
      <c r="G46" s="82"/>
      <c r="P46" s="1"/>
    </row>
    <row r="47" spans="3:16" ht="18">
      <c r="C47" s="83">
        <v>18</v>
      </c>
      <c r="D47" s="84" t="s">
        <v>52</v>
      </c>
      <c r="E47" s="82" t="s">
        <v>207</v>
      </c>
      <c r="F47" s="82"/>
      <c r="G47" s="82"/>
      <c r="P47" s="1"/>
    </row>
    <row r="48" spans="3:16" ht="18">
      <c r="C48" s="83">
        <v>19</v>
      </c>
      <c r="D48" s="84" t="s">
        <v>53</v>
      </c>
      <c r="E48" s="86" t="s">
        <v>208</v>
      </c>
      <c r="F48" s="82"/>
      <c r="G48" s="82"/>
      <c r="P48" s="1"/>
    </row>
    <row r="49" spans="3:16" ht="18">
      <c r="C49" s="83">
        <v>20</v>
      </c>
      <c r="D49" s="84" t="s">
        <v>54</v>
      </c>
      <c r="E49" s="86"/>
      <c r="F49" s="82"/>
      <c r="G49" s="82"/>
      <c r="P49" s="1"/>
    </row>
    <row r="50" spans="3:16" ht="18">
      <c r="C50" s="83">
        <v>21</v>
      </c>
      <c r="D50" s="84" t="s">
        <v>55</v>
      </c>
      <c r="E50" s="86"/>
      <c r="F50" s="82"/>
      <c r="G50" s="82"/>
      <c r="P50" s="1"/>
    </row>
    <row r="51" spans="3:16" ht="18">
      <c r="C51" s="83">
        <v>22</v>
      </c>
      <c r="D51" s="84" t="s">
        <v>56</v>
      </c>
      <c r="E51" s="86"/>
      <c r="F51" s="82"/>
      <c r="G51" s="82"/>
      <c r="P51" s="1"/>
    </row>
    <row r="52" spans="3:16" ht="18">
      <c r="C52" s="83">
        <v>23</v>
      </c>
      <c r="D52" s="84" t="s">
        <v>57</v>
      </c>
      <c r="E52" s="86"/>
      <c r="F52" s="82"/>
      <c r="G52" s="82"/>
      <c r="P52" s="1"/>
    </row>
    <row r="53" spans="3:16" ht="18">
      <c r="C53" s="83">
        <v>24</v>
      </c>
      <c r="D53" s="84" t="s">
        <v>58</v>
      </c>
      <c r="E53" s="86"/>
      <c r="F53" s="82"/>
      <c r="G53" s="82"/>
      <c r="P53" s="1"/>
    </row>
    <row r="54" spans="3:16" ht="18">
      <c r="C54" s="83">
        <v>25</v>
      </c>
      <c r="D54" s="84" t="s">
        <v>59</v>
      </c>
      <c r="E54" s="82"/>
      <c r="F54" s="82"/>
      <c r="G54" s="82"/>
      <c r="P54" s="1"/>
    </row>
    <row r="55" spans="3:16" ht="18">
      <c r="C55" s="83">
        <v>26</v>
      </c>
      <c r="D55" s="84" t="s">
        <v>60</v>
      </c>
      <c r="E55" s="82"/>
      <c r="F55" s="82"/>
      <c r="G55" s="82"/>
      <c r="P55" s="1"/>
    </row>
    <row r="56" spans="3:16" ht="18">
      <c r="C56" s="83">
        <v>27</v>
      </c>
      <c r="D56" s="84" t="s">
        <v>61</v>
      </c>
      <c r="E56" s="82"/>
      <c r="F56" s="82"/>
      <c r="G56" s="82"/>
      <c r="P56" s="1"/>
    </row>
    <row r="57" spans="3:16" ht="18">
      <c r="C57" s="83">
        <v>28</v>
      </c>
      <c r="D57" s="84" t="s">
        <v>62</v>
      </c>
      <c r="E57" s="82"/>
      <c r="F57" s="82"/>
      <c r="G57" s="82"/>
      <c r="P57" s="1"/>
    </row>
    <row r="58" spans="3:16" ht="18">
      <c r="C58" s="83">
        <v>29</v>
      </c>
      <c r="D58" s="84" t="s">
        <v>63</v>
      </c>
      <c r="E58" s="82"/>
      <c r="F58" s="82"/>
      <c r="G58" s="82"/>
      <c r="P58" s="1"/>
    </row>
    <row r="59" spans="3:16" ht="18">
      <c r="C59" s="83">
        <v>30</v>
      </c>
      <c r="D59" s="84" t="s">
        <v>64</v>
      </c>
      <c r="E59" s="82"/>
      <c r="F59" s="82"/>
      <c r="G59" s="82"/>
      <c r="P59" s="1"/>
    </row>
    <row r="60" spans="3:16" ht="18">
      <c r="C60" s="83">
        <v>31</v>
      </c>
      <c r="D60" s="84" t="s">
        <v>65</v>
      </c>
      <c r="E60" s="82"/>
      <c r="F60" s="82"/>
      <c r="G60" s="82"/>
      <c r="P60" s="1"/>
    </row>
    <row r="61" spans="3:16" ht="18">
      <c r="C61" s="83">
        <v>32</v>
      </c>
      <c r="D61" s="84" t="s">
        <v>66</v>
      </c>
      <c r="E61" s="82"/>
      <c r="F61" s="82"/>
      <c r="G61" s="82"/>
      <c r="P61" s="1"/>
    </row>
    <row r="62" spans="3:16" ht="18">
      <c r="C62" s="83">
        <v>33</v>
      </c>
      <c r="D62" s="84" t="s">
        <v>67</v>
      </c>
      <c r="E62" s="82"/>
      <c r="F62" s="82"/>
      <c r="G62" s="82"/>
      <c r="P62" s="1"/>
    </row>
    <row r="63" spans="3:16" ht="18">
      <c r="C63" s="83">
        <v>34</v>
      </c>
      <c r="D63" s="84" t="s">
        <v>68</v>
      </c>
      <c r="E63" s="82"/>
      <c r="F63" s="82"/>
      <c r="G63" s="82"/>
      <c r="P63" s="1"/>
    </row>
    <row r="64" spans="3:16" ht="18">
      <c r="C64" s="83">
        <v>35</v>
      </c>
      <c r="D64" s="84" t="s">
        <v>69</v>
      </c>
      <c r="E64" s="82"/>
      <c r="F64" s="82"/>
      <c r="G64" s="82"/>
      <c r="P64" s="1"/>
    </row>
    <row r="65" spans="3:16" ht="18">
      <c r="C65" s="83">
        <v>36</v>
      </c>
      <c r="D65" s="84" t="s">
        <v>70</v>
      </c>
      <c r="E65" s="82"/>
      <c r="F65" s="82"/>
      <c r="G65" s="82"/>
      <c r="P65" s="1"/>
    </row>
    <row r="66" spans="3:16" ht="18">
      <c r="C66" s="83">
        <v>37</v>
      </c>
      <c r="D66" s="84" t="s">
        <v>71</v>
      </c>
      <c r="E66" s="82"/>
      <c r="F66" s="82"/>
      <c r="G66" s="82"/>
      <c r="P66" s="1"/>
    </row>
    <row r="67" spans="3:16" ht="18">
      <c r="C67" s="83">
        <v>38</v>
      </c>
      <c r="D67" s="84" t="s">
        <v>72</v>
      </c>
      <c r="E67" s="82"/>
      <c r="F67" s="82"/>
      <c r="G67" s="82"/>
      <c r="P67" s="1"/>
    </row>
    <row r="68" spans="3:16" ht="18">
      <c r="C68" s="83">
        <v>39</v>
      </c>
      <c r="D68" s="84" t="s">
        <v>73</v>
      </c>
      <c r="E68" s="82"/>
      <c r="F68" s="82"/>
      <c r="G68" s="82"/>
      <c r="P68" s="1"/>
    </row>
    <row r="69" spans="3:16" ht="18">
      <c r="C69" s="83">
        <v>40</v>
      </c>
      <c r="D69" s="84" t="s">
        <v>74</v>
      </c>
      <c r="E69" s="82"/>
      <c r="F69" s="82"/>
      <c r="G69" s="82"/>
      <c r="P69" s="1"/>
    </row>
    <row r="70" spans="3:16" ht="18">
      <c r="C70" s="83">
        <v>41</v>
      </c>
      <c r="D70" s="84" t="s">
        <v>75</v>
      </c>
      <c r="E70" s="82"/>
      <c r="F70" s="82"/>
      <c r="G70" s="82"/>
      <c r="P70" s="1"/>
    </row>
    <row r="71" spans="3:16" ht="18">
      <c r="C71" s="83">
        <v>42</v>
      </c>
      <c r="D71" s="84" t="s">
        <v>76</v>
      </c>
      <c r="E71" s="82"/>
      <c r="F71" s="82"/>
      <c r="G71" s="82"/>
      <c r="P71" s="1"/>
    </row>
    <row r="72" spans="3:16" ht="18">
      <c r="C72" s="83">
        <v>43</v>
      </c>
      <c r="D72" s="84" t="s">
        <v>77</v>
      </c>
      <c r="E72" s="82"/>
      <c r="F72" s="82"/>
      <c r="G72" s="82"/>
      <c r="P72" s="1"/>
    </row>
    <row r="73" spans="3:16" ht="18">
      <c r="C73" s="83">
        <v>44</v>
      </c>
      <c r="D73" s="84" t="s">
        <v>78</v>
      </c>
      <c r="E73" s="82"/>
      <c r="F73" s="82"/>
      <c r="G73" s="82"/>
      <c r="P73" s="1"/>
    </row>
    <row r="74" spans="3:16" ht="18">
      <c r="C74" s="83">
        <v>45</v>
      </c>
      <c r="D74" s="84" t="s">
        <v>79</v>
      </c>
      <c r="E74" s="82"/>
      <c r="F74" s="82"/>
      <c r="G74" s="82"/>
      <c r="P74" s="1"/>
    </row>
    <row r="75" spans="3:16" ht="18">
      <c r="C75" s="83">
        <v>46</v>
      </c>
      <c r="D75" s="84" t="s">
        <v>80</v>
      </c>
      <c r="E75" s="82"/>
      <c r="F75" s="82"/>
      <c r="G75" s="82"/>
      <c r="P75" s="1"/>
    </row>
    <row r="76" spans="3:16" ht="18">
      <c r="C76" s="83">
        <v>47</v>
      </c>
      <c r="D76" s="84" t="s">
        <v>81</v>
      </c>
      <c r="E76" s="82"/>
      <c r="F76" s="82"/>
      <c r="G76" s="82"/>
      <c r="P76" s="1"/>
    </row>
    <row r="77" spans="3:16">
      <c r="P77" s="1"/>
    </row>
    <row r="78" spans="3:16">
      <c r="P78" s="1"/>
    </row>
    <row r="79" spans="3:16">
      <c r="P79" s="1"/>
    </row>
    <row r="80" spans="3:16">
      <c r="P80" s="1"/>
    </row>
  </sheetData>
  <dataConsolidate/>
  <mergeCells count="2">
    <mergeCell ref="U2:V2"/>
    <mergeCell ref="S2:T2"/>
  </mergeCells>
  <phoneticPr fontId="1"/>
  <dataValidations count="15">
    <dataValidation type="list" allowBlank="1" showInputMessage="1" showErrorMessage="1" errorTitle="ドロップダウンリストより選択してください" promptTitle="BCPの策定状況について" prompt="対象施設についてBCP（事業継続計画）を策定されている場合は「有」を指定されていなければ「無」を選択してください。" sqref="R5">
      <formula1>"有,無"</formula1>
    </dataValidation>
    <dataValidation type="list" allowBlank="1" showInputMessage="1" showErrorMessage="1" errorTitle="ドロップダウンリストより選択してください" promptTitle="福祉避難所の指定状況について" prompt="対象施設について福祉避難所に指定されている場合は「有」を指定されていなければ「無」を選択してください。" sqref="R6:R18 R4">
      <formula1>"有,無"</formula1>
    </dataValidation>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N4:N18"/>
    <dataValidation showInputMessage="1" showErrorMessage="1" errorTitle="ドロップダウンリストより選択してください" promptTitle="千円単位" prompt="千円単位で記載してください" sqref="K4:L18"/>
    <dataValidation allowBlank="1" showErrorMessage="1" promptTitle="年月日を記載してください" prompt="書式設定を変更せずに、年月日を記載してください" sqref="W4:W18"/>
    <dataValidation allowBlank="1" showInputMessage="1" showErrorMessage="1" promptTitle="市町村名について" prompt="都道府県においては施設の所在市区町村名を記入してください。市区町村においては自治体名を記入してください。" sqref="E4:E18"/>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dataValidation showInputMessage="1" showErrorMessage="1" errorTitle="ドロップダウンリストより選択してください" promptTitle="4,000円/㎡" prompt="換気設備を整備する居室部分の面積×4,000円を千円単位で入力してください" sqref="M4:M18"/>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dataValidation type="list" allowBlank="1" showInputMessage="1" showErrorMessage="1" errorTitle="ドロップダウンリストより選択してください" promptTitle="非常災害対策計画の作成について" prompt="対象施設について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U4:U18">
      <formula1>"作成済み,作成見込み,未作成"</formula1>
    </dataValidation>
    <dataValidation allowBlank="1" showInputMessage="1" showErrorMessage="1" promptTitle="作成時期について" prompt="非常災害対策計画において「作成見込み」と回答した場合、具体的な日付を明記してください。" sqref="V4:V18"/>
    <dataValidation type="list" allowBlank="1" showInputMessage="1" showErrorMessage="1" promptTitle="ドロップダウンリストより選択してください" sqref="G4:G18">
      <formula1>$E$30:$E$48</formula1>
    </dataValidation>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Q4:Q18">
      <formula1>"有,無"</formula1>
    </dataValidation>
    <dataValidation allowBlank="1" showInputMessage="1" showErrorMessage="1" promptTitle="作成時期について" prompt="業務継続計画（BCP)において「作成見込み」と回答した場合、具体的な日付を明記してください。" sqref="T4:T18"/>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S4:S18">
      <formula1>"作成済み,作成見込み,未作成"</formula1>
    </dataValidation>
  </dataValidations>
  <pageMargins left="0.93" right="0.16" top="0.74803149606299213" bottom="0.74803149606299213" header="0.31496062992125984" footer="0.31496062992125984"/>
  <pageSetup paperSize="8" scale="56" fitToHeight="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Z80"/>
  <sheetViews>
    <sheetView view="pageBreakPreview" zoomScale="80" zoomScaleNormal="100" zoomScaleSheetLayoutView="80" workbookViewId="0">
      <pane ySplit="3" topLeftCell="A4" activePane="bottomLeft" state="frozen"/>
      <selection activeCell="R22" sqref="R22"/>
      <selection pane="bottomLeft" activeCell="H15" sqref="H15"/>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5" style="5" customWidth="1"/>
    <col min="10" max="10" width="43" style="5" customWidth="1"/>
    <col min="11" max="15" width="12.875" style="5" customWidth="1"/>
    <col min="16" max="17" width="16.125" style="5" customWidth="1"/>
    <col min="18" max="18" width="21.75" style="5" customWidth="1"/>
    <col min="19" max="19" width="17" style="5" customWidth="1"/>
    <col min="20" max="21" width="10.625" style="5" customWidth="1"/>
    <col min="22" max="25" width="10.5" style="5" customWidth="1"/>
    <col min="26" max="26" width="11.625" style="5" customWidth="1"/>
    <col min="27" max="16384" width="4.25" style="5"/>
  </cols>
  <sheetData>
    <row r="1" spans="1:26" ht="19.5" thickBot="1">
      <c r="N1" s="4"/>
      <c r="O1" s="3"/>
      <c r="Z1" s="46" t="s">
        <v>187</v>
      </c>
    </row>
    <row r="2" spans="1:26" ht="20.100000000000001" customHeight="1">
      <c r="A2" s="13" t="s">
        <v>163</v>
      </c>
      <c r="B2" s="14"/>
      <c r="C2" s="14"/>
      <c r="D2" s="14"/>
      <c r="E2" s="14"/>
      <c r="F2" s="14"/>
      <c r="G2" s="14"/>
      <c r="H2" s="14"/>
      <c r="I2" s="14"/>
      <c r="J2" s="14"/>
      <c r="K2" s="14"/>
      <c r="L2" s="14"/>
      <c r="M2" s="14"/>
      <c r="N2" s="14"/>
      <c r="O2" s="14"/>
      <c r="P2" s="14"/>
      <c r="Q2" s="14"/>
      <c r="R2" s="14"/>
      <c r="S2" s="14"/>
      <c r="T2" s="14"/>
      <c r="U2" s="14"/>
      <c r="V2" s="122" t="s">
        <v>222</v>
      </c>
      <c r="W2" s="123"/>
      <c r="X2" s="122" t="s">
        <v>174</v>
      </c>
      <c r="Y2" s="123"/>
      <c r="Z2" s="14"/>
    </row>
    <row r="3" spans="1:26" s="8" customFormat="1" ht="134.25" customHeight="1">
      <c r="A3" s="50" t="s">
        <v>0</v>
      </c>
      <c r="B3" s="51" t="s">
        <v>1</v>
      </c>
      <c r="C3" s="51" t="s">
        <v>34</v>
      </c>
      <c r="D3" s="52" t="s">
        <v>104</v>
      </c>
      <c r="E3" s="51" t="s">
        <v>2</v>
      </c>
      <c r="F3" s="51" t="s">
        <v>180</v>
      </c>
      <c r="G3" s="51" t="s">
        <v>11</v>
      </c>
      <c r="H3" s="51" t="s">
        <v>6</v>
      </c>
      <c r="I3" s="51" t="s">
        <v>3</v>
      </c>
      <c r="J3" s="53" t="s">
        <v>146</v>
      </c>
      <c r="K3" s="51" t="s">
        <v>10</v>
      </c>
      <c r="L3" s="51" t="s">
        <v>99</v>
      </c>
      <c r="M3" s="51" t="s">
        <v>9</v>
      </c>
      <c r="N3" s="52" t="s">
        <v>8</v>
      </c>
      <c r="O3" s="53" t="s">
        <v>138</v>
      </c>
      <c r="P3" s="54" t="s">
        <v>181</v>
      </c>
      <c r="Q3" s="90" t="s">
        <v>232</v>
      </c>
      <c r="R3" s="55" t="s">
        <v>233</v>
      </c>
      <c r="S3" s="56" t="s">
        <v>102</v>
      </c>
      <c r="T3" s="51" t="s">
        <v>211</v>
      </c>
      <c r="U3" s="51" t="s">
        <v>162</v>
      </c>
      <c r="V3" s="51" t="s">
        <v>101</v>
      </c>
      <c r="W3" s="106" t="s">
        <v>173</v>
      </c>
      <c r="X3" s="51" t="s">
        <v>175</v>
      </c>
      <c r="Y3" s="51" t="s">
        <v>173</v>
      </c>
      <c r="Z3" s="53" t="s">
        <v>5</v>
      </c>
    </row>
    <row r="4" spans="1:26" ht="20.25" customHeight="1">
      <c r="A4" s="42">
        <v>1</v>
      </c>
      <c r="B4" s="16"/>
      <c r="C4" s="17"/>
      <c r="D4" s="18" t="e">
        <f t="shared" ref="D4:D18" si="0">VLOOKUP(C4,$C$30:$D$76,2)</f>
        <v>#N/A</v>
      </c>
      <c r="E4" s="17"/>
      <c r="F4" s="19"/>
      <c r="G4" s="19"/>
      <c r="H4" s="19"/>
      <c r="I4" s="16"/>
      <c r="J4" s="57"/>
      <c r="K4" s="20"/>
      <c r="L4" s="20"/>
      <c r="M4" s="21"/>
      <c r="N4" s="22"/>
      <c r="O4" s="23"/>
      <c r="P4" s="16"/>
      <c r="Q4" s="16"/>
      <c r="R4" s="58"/>
      <c r="S4" s="59" t="e">
        <f>R4/Q4</f>
        <v>#DIV/0!</v>
      </c>
      <c r="T4" s="24"/>
      <c r="U4" s="19"/>
      <c r="V4" s="19"/>
      <c r="W4" s="19"/>
      <c r="X4" s="19"/>
      <c r="Y4" s="19"/>
      <c r="Z4" s="58"/>
    </row>
    <row r="5" spans="1:26" ht="20.25" customHeight="1">
      <c r="A5" s="42">
        <v>2</v>
      </c>
      <c r="B5" s="16"/>
      <c r="C5" s="17"/>
      <c r="D5" s="18" t="e">
        <f t="shared" si="0"/>
        <v>#N/A</v>
      </c>
      <c r="E5" s="17"/>
      <c r="F5" s="19"/>
      <c r="G5" s="19"/>
      <c r="H5" s="19"/>
      <c r="I5" s="16"/>
      <c r="J5" s="57"/>
      <c r="K5" s="20"/>
      <c r="L5" s="20"/>
      <c r="M5" s="21"/>
      <c r="N5" s="22"/>
      <c r="O5" s="23"/>
      <c r="P5" s="16"/>
      <c r="Q5" s="16"/>
      <c r="R5" s="58"/>
      <c r="S5" s="59" t="e">
        <f t="shared" ref="S5:S18" si="1">R5/Q5</f>
        <v>#DIV/0!</v>
      </c>
      <c r="T5" s="24"/>
      <c r="U5" s="19"/>
      <c r="V5" s="19"/>
      <c r="W5" s="19"/>
      <c r="X5" s="19"/>
      <c r="Y5" s="19"/>
      <c r="Z5" s="58"/>
    </row>
    <row r="6" spans="1:26" ht="20.25" customHeight="1">
      <c r="A6" s="42">
        <v>3</v>
      </c>
      <c r="B6" s="16"/>
      <c r="C6" s="17"/>
      <c r="D6" s="18" t="e">
        <f t="shared" si="0"/>
        <v>#N/A</v>
      </c>
      <c r="E6" s="17"/>
      <c r="F6" s="42"/>
      <c r="G6" s="19"/>
      <c r="H6" s="19"/>
      <c r="I6" s="16"/>
      <c r="J6" s="57"/>
      <c r="K6" s="20"/>
      <c r="L6" s="20"/>
      <c r="M6" s="21"/>
      <c r="N6" s="22"/>
      <c r="O6" s="23"/>
      <c r="P6" s="16"/>
      <c r="Q6" s="16"/>
      <c r="R6" s="58"/>
      <c r="S6" s="59" t="e">
        <f t="shared" si="1"/>
        <v>#DIV/0!</v>
      </c>
      <c r="T6" s="24"/>
      <c r="U6" s="19"/>
      <c r="V6" s="19"/>
      <c r="W6" s="19"/>
      <c r="X6" s="19"/>
      <c r="Y6" s="19"/>
      <c r="Z6" s="58"/>
    </row>
    <row r="7" spans="1:26" ht="20.25" customHeight="1">
      <c r="A7" s="42">
        <v>4</v>
      </c>
      <c r="B7" s="16"/>
      <c r="C7" s="17"/>
      <c r="D7" s="18" t="e">
        <f t="shared" si="0"/>
        <v>#N/A</v>
      </c>
      <c r="E7" s="17"/>
      <c r="F7" s="19"/>
      <c r="G7" s="19"/>
      <c r="H7" s="19"/>
      <c r="I7" s="16"/>
      <c r="J7" s="57"/>
      <c r="K7" s="20"/>
      <c r="L7" s="20"/>
      <c r="M7" s="21"/>
      <c r="N7" s="22"/>
      <c r="O7" s="23"/>
      <c r="P7" s="16"/>
      <c r="Q7" s="16"/>
      <c r="R7" s="58"/>
      <c r="S7" s="59" t="e">
        <f t="shared" si="1"/>
        <v>#DIV/0!</v>
      </c>
      <c r="T7" s="24"/>
      <c r="U7" s="19"/>
      <c r="V7" s="19"/>
      <c r="W7" s="19"/>
      <c r="X7" s="19"/>
      <c r="Y7" s="19"/>
      <c r="Z7" s="58"/>
    </row>
    <row r="8" spans="1:26" ht="20.25" customHeight="1">
      <c r="A8" s="42">
        <v>5</v>
      </c>
      <c r="B8" s="16"/>
      <c r="C8" s="17"/>
      <c r="D8" s="18" t="e">
        <f t="shared" si="0"/>
        <v>#N/A</v>
      </c>
      <c r="E8" s="17"/>
      <c r="F8" s="19"/>
      <c r="G8" s="19"/>
      <c r="H8" s="19"/>
      <c r="I8" s="16"/>
      <c r="J8" s="57"/>
      <c r="K8" s="20"/>
      <c r="L8" s="20"/>
      <c r="M8" s="21"/>
      <c r="N8" s="22"/>
      <c r="O8" s="23"/>
      <c r="P8" s="16"/>
      <c r="Q8" s="16"/>
      <c r="R8" s="58"/>
      <c r="S8" s="59" t="e">
        <f t="shared" si="1"/>
        <v>#DIV/0!</v>
      </c>
      <c r="T8" s="24"/>
      <c r="U8" s="19"/>
      <c r="V8" s="19"/>
      <c r="W8" s="19"/>
      <c r="X8" s="19"/>
      <c r="Y8" s="19"/>
      <c r="Z8" s="58"/>
    </row>
    <row r="9" spans="1:26" ht="20.25" customHeight="1">
      <c r="A9" s="42">
        <v>6</v>
      </c>
      <c r="B9" s="16"/>
      <c r="C9" s="17"/>
      <c r="D9" s="18" t="e">
        <f t="shared" si="0"/>
        <v>#N/A</v>
      </c>
      <c r="E9" s="17"/>
      <c r="F9" s="19"/>
      <c r="G9" s="19"/>
      <c r="H9" s="19"/>
      <c r="I9" s="16"/>
      <c r="J9" s="57"/>
      <c r="K9" s="20"/>
      <c r="L9" s="20"/>
      <c r="M9" s="21"/>
      <c r="N9" s="22"/>
      <c r="O9" s="23"/>
      <c r="P9" s="16"/>
      <c r="Q9" s="16"/>
      <c r="R9" s="58"/>
      <c r="S9" s="59" t="e">
        <f t="shared" si="1"/>
        <v>#DIV/0!</v>
      </c>
      <c r="T9" s="24"/>
      <c r="U9" s="19"/>
      <c r="V9" s="19"/>
      <c r="W9" s="19"/>
      <c r="X9" s="19"/>
      <c r="Y9" s="19"/>
      <c r="Z9" s="58"/>
    </row>
    <row r="10" spans="1:26" ht="20.25" customHeight="1">
      <c r="A10" s="42">
        <v>7</v>
      </c>
      <c r="B10" s="16"/>
      <c r="C10" s="17"/>
      <c r="D10" s="18" t="e">
        <f t="shared" si="0"/>
        <v>#N/A</v>
      </c>
      <c r="E10" s="17"/>
      <c r="F10" s="19"/>
      <c r="G10" s="19"/>
      <c r="H10" s="19"/>
      <c r="I10" s="16"/>
      <c r="J10" s="57"/>
      <c r="K10" s="20"/>
      <c r="L10" s="20"/>
      <c r="M10" s="21"/>
      <c r="N10" s="22"/>
      <c r="O10" s="23"/>
      <c r="P10" s="16"/>
      <c r="Q10" s="16"/>
      <c r="R10" s="58"/>
      <c r="S10" s="59" t="e">
        <f t="shared" si="1"/>
        <v>#DIV/0!</v>
      </c>
      <c r="T10" s="24"/>
      <c r="U10" s="19"/>
      <c r="V10" s="19"/>
      <c r="W10" s="19"/>
      <c r="X10" s="19"/>
      <c r="Y10" s="19"/>
      <c r="Z10" s="58"/>
    </row>
    <row r="11" spans="1:26" ht="20.25" customHeight="1">
      <c r="A11" s="42">
        <v>8</v>
      </c>
      <c r="B11" s="16"/>
      <c r="C11" s="17"/>
      <c r="D11" s="18" t="e">
        <f t="shared" si="0"/>
        <v>#N/A</v>
      </c>
      <c r="E11" s="17"/>
      <c r="F11" s="19"/>
      <c r="G11" s="19"/>
      <c r="H11" s="19"/>
      <c r="I11" s="16"/>
      <c r="J11" s="57"/>
      <c r="K11" s="20"/>
      <c r="L11" s="20"/>
      <c r="M11" s="21"/>
      <c r="N11" s="22"/>
      <c r="O11" s="23"/>
      <c r="P11" s="16"/>
      <c r="Q11" s="16"/>
      <c r="R11" s="58"/>
      <c r="S11" s="59" t="e">
        <f t="shared" si="1"/>
        <v>#DIV/0!</v>
      </c>
      <c r="T11" s="24"/>
      <c r="U11" s="19"/>
      <c r="V11" s="19"/>
      <c r="W11" s="19"/>
      <c r="X11" s="19"/>
      <c r="Y11" s="19"/>
      <c r="Z11" s="58"/>
    </row>
    <row r="12" spans="1:26" ht="20.25" customHeight="1">
      <c r="A12" s="42">
        <v>9</v>
      </c>
      <c r="B12" s="16"/>
      <c r="C12" s="17"/>
      <c r="D12" s="18" t="e">
        <f t="shared" si="0"/>
        <v>#N/A</v>
      </c>
      <c r="E12" s="17"/>
      <c r="F12" s="19"/>
      <c r="G12" s="19"/>
      <c r="H12" s="19"/>
      <c r="I12" s="16"/>
      <c r="J12" s="57"/>
      <c r="K12" s="20"/>
      <c r="L12" s="20"/>
      <c r="M12" s="21"/>
      <c r="N12" s="22"/>
      <c r="O12" s="23"/>
      <c r="P12" s="16"/>
      <c r="Q12" s="16"/>
      <c r="R12" s="58"/>
      <c r="S12" s="59" t="e">
        <f t="shared" si="1"/>
        <v>#DIV/0!</v>
      </c>
      <c r="T12" s="24"/>
      <c r="U12" s="19"/>
      <c r="V12" s="19"/>
      <c r="W12" s="19"/>
      <c r="X12" s="19"/>
      <c r="Y12" s="19"/>
      <c r="Z12" s="58"/>
    </row>
    <row r="13" spans="1:26" ht="20.25" customHeight="1">
      <c r="A13" s="42">
        <v>10</v>
      </c>
      <c r="B13" s="16"/>
      <c r="C13" s="17"/>
      <c r="D13" s="18" t="e">
        <f t="shared" si="0"/>
        <v>#N/A</v>
      </c>
      <c r="E13" s="17"/>
      <c r="F13" s="19"/>
      <c r="G13" s="19"/>
      <c r="H13" s="19"/>
      <c r="I13" s="16"/>
      <c r="J13" s="57"/>
      <c r="K13" s="20"/>
      <c r="L13" s="20"/>
      <c r="M13" s="21"/>
      <c r="N13" s="22"/>
      <c r="O13" s="23"/>
      <c r="P13" s="16"/>
      <c r="Q13" s="16"/>
      <c r="R13" s="58"/>
      <c r="S13" s="59" t="e">
        <f t="shared" si="1"/>
        <v>#DIV/0!</v>
      </c>
      <c r="T13" s="24"/>
      <c r="U13" s="19"/>
      <c r="V13" s="19"/>
      <c r="W13" s="19"/>
      <c r="X13" s="19"/>
      <c r="Y13" s="19"/>
      <c r="Z13" s="58"/>
    </row>
    <row r="14" spans="1:26" ht="20.25" customHeight="1">
      <c r="A14" s="42">
        <v>11</v>
      </c>
      <c r="B14" s="16"/>
      <c r="C14" s="17"/>
      <c r="D14" s="18" t="e">
        <f t="shared" si="0"/>
        <v>#N/A</v>
      </c>
      <c r="E14" s="17"/>
      <c r="F14" s="19"/>
      <c r="G14" s="19"/>
      <c r="H14" s="19"/>
      <c r="I14" s="16"/>
      <c r="J14" s="57"/>
      <c r="K14" s="20"/>
      <c r="L14" s="20"/>
      <c r="M14" s="21"/>
      <c r="N14" s="22"/>
      <c r="O14" s="23"/>
      <c r="P14" s="16"/>
      <c r="Q14" s="16"/>
      <c r="R14" s="58"/>
      <c r="S14" s="59" t="e">
        <f t="shared" si="1"/>
        <v>#DIV/0!</v>
      </c>
      <c r="T14" s="24"/>
      <c r="U14" s="19"/>
      <c r="V14" s="19"/>
      <c r="W14" s="19"/>
      <c r="X14" s="19"/>
      <c r="Y14" s="19"/>
      <c r="Z14" s="58"/>
    </row>
    <row r="15" spans="1:26" ht="20.25" customHeight="1">
      <c r="A15" s="42">
        <v>12</v>
      </c>
      <c r="B15" s="16"/>
      <c r="C15" s="17"/>
      <c r="D15" s="18" t="e">
        <f t="shared" si="0"/>
        <v>#N/A</v>
      </c>
      <c r="E15" s="17"/>
      <c r="F15" s="19"/>
      <c r="G15" s="19"/>
      <c r="H15" s="19"/>
      <c r="I15" s="16"/>
      <c r="J15" s="57"/>
      <c r="K15" s="20"/>
      <c r="L15" s="20"/>
      <c r="M15" s="21"/>
      <c r="N15" s="22"/>
      <c r="O15" s="23"/>
      <c r="P15" s="16"/>
      <c r="Q15" s="16"/>
      <c r="R15" s="58"/>
      <c r="S15" s="59" t="e">
        <f t="shared" si="1"/>
        <v>#DIV/0!</v>
      </c>
      <c r="T15" s="24"/>
      <c r="U15" s="19"/>
      <c r="V15" s="19"/>
      <c r="W15" s="19"/>
      <c r="X15" s="19"/>
      <c r="Y15" s="19"/>
      <c r="Z15" s="58"/>
    </row>
    <row r="16" spans="1:26" ht="20.25" customHeight="1">
      <c r="A16" s="42">
        <v>13</v>
      </c>
      <c r="B16" s="16"/>
      <c r="C16" s="17"/>
      <c r="D16" s="18" t="e">
        <f t="shared" si="0"/>
        <v>#N/A</v>
      </c>
      <c r="E16" s="17"/>
      <c r="F16" s="19"/>
      <c r="G16" s="19"/>
      <c r="H16" s="19"/>
      <c r="I16" s="16"/>
      <c r="J16" s="57"/>
      <c r="K16" s="20"/>
      <c r="L16" s="20"/>
      <c r="M16" s="21"/>
      <c r="N16" s="22"/>
      <c r="O16" s="23"/>
      <c r="P16" s="16"/>
      <c r="Q16" s="16"/>
      <c r="R16" s="58"/>
      <c r="S16" s="59" t="e">
        <f t="shared" si="1"/>
        <v>#DIV/0!</v>
      </c>
      <c r="T16" s="24"/>
      <c r="U16" s="19"/>
      <c r="V16" s="19"/>
      <c r="W16" s="19"/>
      <c r="X16" s="19"/>
      <c r="Y16" s="19"/>
      <c r="Z16" s="58"/>
    </row>
    <row r="17" spans="1:26" ht="20.25" customHeight="1">
      <c r="A17" s="42">
        <v>14</v>
      </c>
      <c r="B17" s="16"/>
      <c r="C17" s="17"/>
      <c r="D17" s="18" t="e">
        <f t="shared" si="0"/>
        <v>#N/A</v>
      </c>
      <c r="E17" s="17"/>
      <c r="F17" s="19"/>
      <c r="G17" s="19"/>
      <c r="H17" s="19"/>
      <c r="I17" s="16"/>
      <c r="J17" s="57"/>
      <c r="K17" s="20"/>
      <c r="L17" s="20"/>
      <c r="M17" s="21"/>
      <c r="N17" s="22"/>
      <c r="O17" s="23"/>
      <c r="P17" s="16"/>
      <c r="Q17" s="16"/>
      <c r="R17" s="58"/>
      <c r="S17" s="59" t="e">
        <f t="shared" si="1"/>
        <v>#DIV/0!</v>
      </c>
      <c r="T17" s="24"/>
      <c r="U17" s="19"/>
      <c r="V17" s="19"/>
      <c r="W17" s="19"/>
      <c r="X17" s="19"/>
      <c r="Y17" s="19"/>
      <c r="Z17" s="58"/>
    </row>
    <row r="18" spans="1:26" ht="20.25" customHeight="1">
      <c r="A18" s="42">
        <v>15</v>
      </c>
      <c r="B18" s="16"/>
      <c r="C18" s="17"/>
      <c r="D18" s="18" t="e">
        <f t="shared" si="0"/>
        <v>#N/A</v>
      </c>
      <c r="E18" s="17"/>
      <c r="F18" s="19"/>
      <c r="G18" s="19"/>
      <c r="H18" s="19"/>
      <c r="I18" s="16"/>
      <c r="J18" s="57"/>
      <c r="K18" s="20"/>
      <c r="L18" s="20"/>
      <c r="M18" s="21"/>
      <c r="N18" s="22"/>
      <c r="O18" s="23"/>
      <c r="P18" s="16"/>
      <c r="Q18" s="16"/>
      <c r="R18" s="58"/>
      <c r="S18" s="59" t="e">
        <f t="shared" si="1"/>
        <v>#DIV/0!</v>
      </c>
      <c r="T18" s="24"/>
      <c r="U18" s="19"/>
      <c r="V18" s="19"/>
      <c r="W18" s="19"/>
      <c r="X18" s="19"/>
      <c r="Y18" s="19"/>
      <c r="Z18" s="58"/>
    </row>
    <row r="19" spans="1:26" s="9" customFormat="1" ht="20.25" customHeight="1">
      <c r="A19" s="25" t="s">
        <v>7</v>
      </c>
      <c r="B19" s="13"/>
      <c r="C19" s="13"/>
      <c r="D19" s="13"/>
      <c r="E19" s="13"/>
      <c r="F19" s="13"/>
      <c r="G19" s="13"/>
      <c r="H19" s="13"/>
      <c r="I19" s="13"/>
      <c r="J19" s="13"/>
      <c r="K19" s="13"/>
      <c r="L19" s="13"/>
      <c r="M19" s="13"/>
      <c r="N19" s="13"/>
      <c r="O19" s="13"/>
      <c r="P19" s="13"/>
      <c r="Q19" s="13"/>
      <c r="R19" s="13"/>
      <c r="S19" s="13"/>
      <c r="T19" s="13"/>
      <c r="U19" s="13"/>
      <c r="V19" s="13"/>
      <c r="W19" s="13"/>
      <c r="X19" s="13"/>
      <c r="Y19" s="13"/>
      <c r="Z19" s="13"/>
    </row>
    <row r="20" spans="1:26" s="9" customFormat="1" ht="20.25" customHeight="1">
      <c r="A20" s="13" t="s">
        <v>4</v>
      </c>
      <c r="B20" s="13"/>
      <c r="C20" s="13"/>
      <c r="D20" s="13"/>
      <c r="E20" s="13"/>
      <c r="F20" s="13"/>
      <c r="G20" s="13"/>
      <c r="H20" s="13"/>
      <c r="I20" s="13"/>
      <c r="J20" s="13"/>
      <c r="K20" s="13"/>
      <c r="L20" s="13"/>
      <c r="M20" s="13"/>
      <c r="N20" s="13"/>
      <c r="O20" s="13"/>
      <c r="P20" s="13"/>
      <c r="Q20" s="13"/>
      <c r="R20" s="13"/>
      <c r="S20" s="13"/>
      <c r="T20" s="13"/>
      <c r="U20" s="13"/>
      <c r="V20" s="13"/>
      <c r="W20" s="13"/>
      <c r="X20" s="13"/>
      <c r="Y20" s="13"/>
      <c r="Z20" s="13"/>
    </row>
    <row r="21" spans="1:26" s="10" customFormat="1" ht="20.100000000000001" customHeight="1">
      <c r="A21" s="27" t="s">
        <v>32</v>
      </c>
      <c r="B21" s="13"/>
      <c r="C21" s="13"/>
      <c r="D21" s="13"/>
      <c r="E21" s="13"/>
      <c r="F21" s="13"/>
      <c r="G21" s="13"/>
      <c r="H21" s="13"/>
      <c r="I21" s="13"/>
      <c r="J21" s="13"/>
      <c r="K21" s="13"/>
      <c r="L21" s="13"/>
      <c r="M21" s="13"/>
      <c r="N21" s="13"/>
      <c r="O21" s="13"/>
      <c r="P21" s="13"/>
      <c r="Q21" s="13"/>
      <c r="R21" s="13"/>
      <c r="S21" s="13"/>
      <c r="T21" s="13"/>
      <c r="U21" s="13"/>
      <c r="V21" s="13"/>
      <c r="W21" s="13"/>
      <c r="X21" s="13"/>
      <c r="Y21" s="13"/>
      <c r="Z21" s="13"/>
    </row>
    <row r="22" spans="1:26" s="9" customFormat="1" ht="20.25" customHeight="1">
      <c r="A22" s="13" t="s">
        <v>209</v>
      </c>
      <c r="B22" s="13"/>
      <c r="C22" s="13"/>
      <c r="D22" s="13"/>
      <c r="E22" s="13"/>
      <c r="F22" s="13"/>
      <c r="G22" s="13"/>
      <c r="H22" s="13"/>
      <c r="I22" s="13"/>
      <c r="J22" s="13"/>
      <c r="K22" s="13"/>
      <c r="L22" s="13"/>
      <c r="M22" s="13"/>
      <c r="N22" s="13"/>
      <c r="O22" s="13"/>
      <c r="P22" s="13"/>
      <c r="Q22" s="13"/>
      <c r="R22" s="13"/>
      <c r="S22" s="13"/>
      <c r="T22" s="13"/>
      <c r="U22" s="13"/>
      <c r="V22" s="13"/>
      <c r="W22" s="13"/>
      <c r="X22" s="13"/>
      <c r="Y22" s="13"/>
    </row>
    <row r="23" spans="1:26" s="10" customFormat="1" ht="20.100000000000001" customHeight="1">
      <c r="A23" s="13" t="s">
        <v>137</v>
      </c>
      <c r="B23" s="13"/>
      <c r="C23" s="13"/>
      <c r="D23" s="13"/>
      <c r="E23" s="13"/>
      <c r="F23" s="13"/>
      <c r="G23" s="13"/>
      <c r="H23" s="13"/>
      <c r="I23" s="13"/>
      <c r="J23" s="13"/>
      <c r="K23" s="13"/>
      <c r="L23" s="13"/>
      <c r="M23" s="13"/>
      <c r="N23" s="13"/>
      <c r="O23" s="13"/>
      <c r="P23" s="13"/>
      <c r="Q23" s="13"/>
      <c r="R23" s="13"/>
      <c r="S23" s="13"/>
      <c r="T23" s="13"/>
      <c r="U23" s="13"/>
      <c r="V23" s="13"/>
      <c r="W23" s="13"/>
      <c r="X23" s="13"/>
      <c r="Y23" s="13"/>
      <c r="Z23" s="13"/>
    </row>
    <row r="24" spans="1:26" s="9" customFormat="1" ht="20.25" customHeight="1">
      <c r="B24" s="13"/>
      <c r="C24" s="13"/>
      <c r="D24" s="13"/>
      <c r="E24" s="13"/>
      <c r="F24" s="13"/>
      <c r="G24" s="13"/>
      <c r="H24" s="13"/>
      <c r="I24" s="13"/>
      <c r="J24" s="13"/>
      <c r="K24" s="13"/>
      <c r="L24" s="13"/>
      <c r="M24" s="13"/>
      <c r="N24" s="13"/>
      <c r="O24" s="13"/>
      <c r="P24" s="13"/>
      <c r="Q24" s="13"/>
      <c r="R24" s="13"/>
      <c r="S24" s="13"/>
      <c r="T24" s="13"/>
      <c r="U24" s="13"/>
      <c r="V24" s="13"/>
      <c r="W24" s="13"/>
      <c r="X24" s="13"/>
      <c r="Y24" s="13"/>
      <c r="Z24" s="13"/>
    </row>
    <row r="25" spans="1:26" ht="20.25" customHeight="1"/>
    <row r="26" spans="1:26" ht="20.25" customHeight="1"/>
    <row r="27" spans="1:26" ht="19.5" customHeight="1"/>
    <row r="28" spans="1:26" ht="19.5" customHeight="1"/>
    <row r="30" spans="1:26" ht="13.5">
      <c r="C30" s="7">
        <v>1</v>
      </c>
      <c r="D30" s="11" t="s">
        <v>35</v>
      </c>
      <c r="G30" s="5" t="s">
        <v>26</v>
      </c>
    </row>
    <row r="31" spans="1:26" ht="13.5">
      <c r="C31" s="7">
        <v>2</v>
      </c>
      <c r="D31" s="11" t="s">
        <v>36</v>
      </c>
      <c r="G31" s="5" t="s">
        <v>23</v>
      </c>
    </row>
    <row r="32" spans="1:26" ht="13.5">
      <c r="C32" s="7">
        <v>3</v>
      </c>
      <c r="D32" s="11" t="s">
        <v>37</v>
      </c>
      <c r="G32" s="5" t="s">
        <v>22</v>
      </c>
    </row>
    <row r="33" spans="3:17" ht="13.5">
      <c r="C33" s="7">
        <v>4</v>
      </c>
      <c r="D33" s="11" t="s">
        <v>38</v>
      </c>
      <c r="G33" s="5" t="s">
        <v>25</v>
      </c>
    </row>
    <row r="34" spans="3:17" ht="13.5">
      <c r="C34" s="7">
        <v>5</v>
      </c>
      <c r="D34" s="11" t="s">
        <v>39</v>
      </c>
      <c r="G34" s="5" t="s">
        <v>21</v>
      </c>
    </row>
    <row r="35" spans="3:17" ht="13.5">
      <c r="C35" s="7">
        <v>6</v>
      </c>
      <c r="D35" s="12" t="s">
        <v>40</v>
      </c>
      <c r="G35" s="5" t="s">
        <v>24</v>
      </c>
    </row>
    <row r="36" spans="3:17" ht="13.5">
      <c r="C36" s="7">
        <v>7</v>
      </c>
      <c r="D36" s="12" t="s">
        <v>41</v>
      </c>
      <c r="G36" s="5" t="s">
        <v>20</v>
      </c>
    </row>
    <row r="37" spans="3:17" ht="13.5">
      <c r="C37" s="7">
        <v>8</v>
      </c>
      <c r="D37" s="11" t="s">
        <v>42</v>
      </c>
      <c r="G37" s="5" t="s">
        <v>19</v>
      </c>
    </row>
    <row r="38" spans="3:17" ht="13.5">
      <c r="C38" s="7">
        <v>9</v>
      </c>
      <c r="D38" s="11" t="s">
        <v>43</v>
      </c>
      <c r="G38" s="5" t="s">
        <v>18</v>
      </c>
    </row>
    <row r="39" spans="3:17" ht="13.5">
      <c r="C39" s="7">
        <v>10</v>
      </c>
      <c r="D39" s="11" t="s">
        <v>44</v>
      </c>
      <c r="G39" s="5" t="s">
        <v>17</v>
      </c>
    </row>
    <row r="40" spans="3:17" ht="13.5">
      <c r="C40" s="7">
        <v>11</v>
      </c>
      <c r="D40" s="11" t="s">
        <v>45</v>
      </c>
      <c r="G40" s="5" t="s">
        <v>16</v>
      </c>
    </row>
    <row r="41" spans="3:17" ht="13.5">
      <c r="C41" s="7">
        <v>12</v>
      </c>
      <c r="D41" s="11" t="s">
        <v>46</v>
      </c>
      <c r="G41" s="5" t="s">
        <v>15</v>
      </c>
    </row>
    <row r="42" spans="3:17" ht="13.5">
      <c r="C42" s="7">
        <v>13</v>
      </c>
      <c r="D42" s="11" t="s">
        <v>47</v>
      </c>
      <c r="G42" s="5" t="s">
        <v>14</v>
      </c>
    </row>
    <row r="43" spans="3:17" ht="13.5">
      <c r="C43" s="7">
        <v>14</v>
      </c>
      <c r="D43" s="11" t="s">
        <v>48</v>
      </c>
      <c r="G43" s="5" t="s">
        <v>33</v>
      </c>
    </row>
    <row r="44" spans="3:17" ht="13.5">
      <c r="C44" s="7">
        <v>15</v>
      </c>
      <c r="D44" s="11" t="s">
        <v>49</v>
      </c>
      <c r="G44" s="5" t="s">
        <v>13</v>
      </c>
      <c r="P44" s="1"/>
      <c r="Q44" s="1"/>
    </row>
    <row r="45" spans="3:17" ht="13.5">
      <c r="C45" s="7">
        <v>16</v>
      </c>
      <c r="D45" s="11" t="s">
        <v>50</v>
      </c>
      <c r="G45" s="5" t="s">
        <v>12</v>
      </c>
      <c r="P45" s="1"/>
      <c r="Q45" s="1"/>
    </row>
    <row r="46" spans="3:17" ht="13.5">
      <c r="C46" s="7">
        <v>17</v>
      </c>
      <c r="D46" s="11" t="s">
        <v>51</v>
      </c>
      <c r="P46" s="1"/>
      <c r="Q46" s="1"/>
    </row>
    <row r="47" spans="3:17" ht="13.5">
      <c r="C47" s="7">
        <v>18</v>
      </c>
      <c r="D47" s="11" t="s">
        <v>52</v>
      </c>
      <c r="P47" s="1"/>
      <c r="Q47" s="1"/>
    </row>
    <row r="48" spans="3:17" ht="13.5">
      <c r="C48" s="7">
        <v>19</v>
      </c>
      <c r="D48" s="11" t="s">
        <v>53</v>
      </c>
      <c r="P48" s="1"/>
      <c r="Q48" s="1"/>
    </row>
    <row r="49" spans="3:17" ht="13.5">
      <c r="C49" s="7">
        <v>20</v>
      </c>
      <c r="D49" s="11" t="s">
        <v>54</v>
      </c>
      <c r="P49" s="1"/>
      <c r="Q49" s="1"/>
    </row>
    <row r="50" spans="3:17" ht="13.5">
      <c r="C50" s="7">
        <v>21</v>
      </c>
      <c r="D50" s="11" t="s">
        <v>55</v>
      </c>
      <c r="P50" s="1"/>
      <c r="Q50" s="1"/>
    </row>
    <row r="51" spans="3:17" ht="13.5">
      <c r="C51" s="7">
        <v>22</v>
      </c>
      <c r="D51" s="11" t="s">
        <v>56</v>
      </c>
      <c r="P51" s="1"/>
      <c r="Q51" s="1"/>
    </row>
    <row r="52" spans="3:17" ht="13.5">
      <c r="C52" s="7">
        <v>23</v>
      </c>
      <c r="D52" s="11" t="s">
        <v>57</v>
      </c>
      <c r="P52" s="1"/>
      <c r="Q52" s="1"/>
    </row>
    <row r="53" spans="3:17" ht="13.5">
      <c r="C53" s="7">
        <v>24</v>
      </c>
      <c r="D53" s="11" t="s">
        <v>58</v>
      </c>
      <c r="P53" s="1"/>
      <c r="Q53" s="1"/>
    </row>
    <row r="54" spans="3:17" ht="13.5">
      <c r="C54" s="7">
        <v>25</v>
      </c>
      <c r="D54" s="11" t="s">
        <v>59</v>
      </c>
      <c r="P54" s="1"/>
      <c r="Q54" s="1"/>
    </row>
    <row r="55" spans="3:17" ht="13.5">
      <c r="C55" s="7">
        <v>26</v>
      </c>
      <c r="D55" s="11" t="s">
        <v>60</v>
      </c>
      <c r="P55" s="1"/>
      <c r="Q55" s="1"/>
    </row>
    <row r="56" spans="3:17" ht="13.5">
      <c r="C56" s="7">
        <v>27</v>
      </c>
      <c r="D56" s="11" t="s">
        <v>61</v>
      </c>
      <c r="P56" s="1"/>
      <c r="Q56" s="1"/>
    </row>
    <row r="57" spans="3:17" ht="13.5">
      <c r="C57" s="7">
        <v>28</v>
      </c>
      <c r="D57" s="11" t="s">
        <v>62</v>
      </c>
      <c r="P57" s="1"/>
      <c r="Q57" s="1"/>
    </row>
    <row r="58" spans="3:17" ht="13.5">
      <c r="C58" s="7">
        <v>29</v>
      </c>
      <c r="D58" s="11" t="s">
        <v>63</v>
      </c>
      <c r="P58" s="1"/>
      <c r="Q58" s="1"/>
    </row>
    <row r="59" spans="3:17" ht="13.5">
      <c r="C59" s="7">
        <v>30</v>
      </c>
      <c r="D59" s="11" t="s">
        <v>64</v>
      </c>
      <c r="P59" s="1"/>
      <c r="Q59" s="1"/>
    </row>
    <row r="60" spans="3:17" ht="13.5">
      <c r="C60" s="7">
        <v>31</v>
      </c>
      <c r="D60" s="11" t="s">
        <v>65</v>
      </c>
      <c r="P60" s="1"/>
      <c r="Q60" s="1"/>
    </row>
    <row r="61" spans="3:17" ht="13.5">
      <c r="C61" s="7">
        <v>32</v>
      </c>
      <c r="D61" s="11" t="s">
        <v>66</v>
      </c>
      <c r="P61" s="1"/>
      <c r="Q61" s="1"/>
    </row>
    <row r="62" spans="3:17" ht="13.5">
      <c r="C62" s="7">
        <v>33</v>
      </c>
      <c r="D62" s="11" t="s">
        <v>67</v>
      </c>
      <c r="P62" s="1"/>
      <c r="Q62" s="1"/>
    </row>
    <row r="63" spans="3:17" ht="13.5">
      <c r="C63" s="7">
        <v>34</v>
      </c>
      <c r="D63" s="11" t="s">
        <v>68</v>
      </c>
      <c r="P63" s="1"/>
      <c r="Q63" s="1"/>
    </row>
    <row r="64" spans="3:17" ht="13.5">
      <c r="C64" s="7">
        <v>35</v>
      </c>
      <c r="D64" s="11" t="s">
        <v>69</v>
      </c>
      <c r="P64" s="1"/>
      <c r="Q64" s="1"/>
    </row>
    <row r="65" spans="3:17" ht="13.5">
      <c r="C65" s="7">
        <v>36</v>
      </c>
      <c r="D65" s="11" t="s">
        <v>70</v>
      </c>
      <c r="P65" s="1"/>
      <c r="Q65" s="1"/>
    </row>
    <row r="66" spans="3:17" ht="13.5">
      <c r="C66" s="7">
        <v>37</v>
      </c>
      <c r="D66" s="11" t="s">
        <v>71</v>
      </c>
      <c r="P66" s="1"/>
      <c r="Q66" s="1"/>
    </row>
    <row r="67" spans="3:17" ht="13.5">
      <c r="C67" s="7">
        <v>38</v>
      </c>
      <c r="D67" s="11" t="s">
        <v>72</v>
      </c>
      <c r="P67" s="1"/>
      <c r="Q67" s="1"/>
    </row>
    <row r="68" spans="3:17" ht="13.5">
      <c r="C68" s="7">
        <v>39</v>
      </c>
      <c r="D68" s="11" t="s">
        <v>73</v>
      </c>
      <c r="P68" s="1"/>
      <c r="Q68" s="1"/>
    </row>
    <row r="69" spans="3:17" ht="13.5">
      <c r="C69" s="7">
        <v>40</v>
      </c>
      <c r="D69" s="11" t="s">
        <v>74</v>
      </c>
      <c r="P69" s="1"/>
      <c r="Q69" s="1"/>
    </row>
    <row r="70" spans="3:17" ht="13.5">
      <c r="C70" s="7">
        <v>41</v>
      </c>
      <c r="D70" s="11" t="s">
        <v>75</v>
      </c>
      <c r="P70" s="1"/>
      <c r="Q70" s="1"/>
    </row>
    <row r="71" spans="3:17" ht="13.5">
      <c r="C71" s="7">
        <v>42</v>
      </c>
      <c r="D71" s="11" t="s">
        <v>76</v>
      </c>
      <c r="P71" s="1"/>
      <c r="Q71" s="1"/>
    </row>
    <row r="72" spans="3:17" ht="13.5">
      <c r="C72" s="7">
        <v>43</v>
      </c>
      <c r="D72" s="11" t="s">
        <v>77</v>
      </c>
      <c r="P72" s="1"/>
      <c r="Q72" s="1"/>
    </row>
    <row r="73" spans="3:17" ht="13.5">
      <c r="C73" s="7">
        <v>44</v>
      </c>
      <c r="D73" s="11" t="s">
        <v>78</v>
      </c>
      <c r="P73" s="1"/>
      <c r="Q73" s="1"/>
    </row>
    <row r="74" spans="3:17" ht="13.5">
      <c r="C74" s="7">
        <v>45</v>
      </c>
      <c r="D74" s="11" t="s">
        <v>79</v>
      </c>
      <c r="P74" s="1"/>
      <c r="Q74" s="1"/>
    </row>
    <row r="75" spans="3:17" ht="13.5">
      <c r="C75" s="7">
        <v>46</v>
      </c>
      <c r="D75" s="11" t="s">
        <v>80</v>
      </c>
      <c r="P75" s="1"/>
      <c r="Q75" s="1"/>
    </row>
    <row r="76" spans="3:17" ht="13.5">
      <c r="C76" s="7">
        <v>47</v>
      </c>
      <c r="D76" s="11" t="s">
        <v>81</v>
      </c>
      <c r="P76" s="1"/>
      <c r="Q76" s="1"/>
    </row>
    <row r="77" spans="3:17">
      <c r="P77" s="1"/>
      <c r="Q77" s="1"/>
    </row>
    <row r="78" spans="3:17">
      <c r="P78" s="1"/>
      <c r="Q78" s="1"/>
    </row>
    <row r="79" spans="3:17">
      <c r="P79" s="1"/>
      <c r="Q79" s="1"/>
    </row>
    <row r="80" spans="3:17">
      <c r="P80" s="1"/>
      <c r="Q80" s="1"/>
    </row>
  </sheetData>
  <dataConsolidate/>
  <mergeCells count="2">
    <mergeCell ref="X2:Y2"/>
    <mergeCell ref="V2:W2"/>
  </mergeCells>
  <phoneticPr fontId="1"/>
  <dataValidations count="14">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U4:U18">
      <formula1>"有,無"</formula1>
    </dataValidation>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dataValidation type="list" showInputMessage="1" showErrorMessage="1" errorTitle="ドロップダウンリストより選択してください" promptTitle="国土強靭化地域計画への記載" prompt="国土強靭化地域計画への記載がある場合は、ドロップダウンリストより「有」、無ければ「無」を選択してください" sqref="T4:T18">
      <formula1>"有,無"</formula1>
    </dataValidation>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730（千円）、15,400（千円）を選択してください" sqref="M4:M18">
      <formula1>"7，730,15，400"</formula1>
    </dataValidation>
    <dataValidation allowBlank="1" showInputMessage="1" showErrorMessage="1" promptTitle="市町村名について" prompt="都道府県においては施設の所在市区町村名を記入してください。市区町村においては自治体名を記入してください。" sqref="E4:E18"/>
    <dataValidation allowBlank="1" showErrorMessage="1" promptTitle="年月日を記載してください" prompt="書式設定を変更せずに、年月日を記載してください" sqref="Z4:Z18 R4:S18"/>
    <dataValidation showInputMessage="1" showErrorMessage="1" errorTitle="ドロップダウンリストより選択してください" promptTitle="千円単位" prompt="千円単位で記載してください" sqref="K4:L18"/>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N4:N18"/>
    <dataValidation type="list" allowBlank="1" showInputMessage="1" showErrorMessage="1" promptTitle="ドロップダウンリストより選択してください" sqref="G4:G18">
      <formula1>$G$30:$G$45</formula1>
    </dataValidation>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dataValidation type="list" allowBlank="1" showInputMessage="1" showErrorMessage="1" errorTitle="ドロップダウンリストより選択してください" promptTitle="非常災害対策計画の作成について" prompt="対象施設についてBCP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X4:X18">
      <formula1>"作成済み,作成見込み,未作成"</formula1>
    </dataValidation>
    <dataValidation allowBlank="1" showInputMessage="1" showErrorMessage="1" promptTitle="作成時期について" prompt="非常災害対策計画において「作成見込み」と回答した場合、具体的な日付を明記してください。" sqref="Y4:Y18"/>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V4:V18">
      <formula1>"作成済み,作成見込み,未作成"</formula1>
    </dataValidation>
    <dataValidation allowBlank="1" showInputMessage="1" showErrorMessage="1" promptTitle="作成時期について" prompt="業務継続計画（BCP)において「作成見込み」と回答した場合、具体的な日付を明記してください。" sqref="W4:W18"/>
  </dataValidations>
  <pageMargins left="0.93" right="0.16" top="0.74803149606299213" bottom="0.74803149606299213" header="0.31496062992125984" footer="0.31496062992125984"/>
  <pageSetup paperSize="8" scale="49"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AH80"/>
  <sheetViews>
    <sheetView view="pageBreakPreview" topLeftCell="M1" zoomScale="80" zoomScaleNormal="100" zoomScaleSheetLayoutView="80" workbookViewId="0">
      <pane ySplit="3" topLeftCell="A4" activePane="bottomLeft" state="frozen"/>
      <selection activeCell="M33" sqref="M33"/>
      <selection pane="bottomLeft" activeCell="Q6" sqref="Q6"/>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5" style="5" customWidth="1"/>
    <col min="10" max="10" width="43" style="5" customWidth="1"/>
    <col min="11" max="15" width="12.875" style="5" customWidth="1"/>
    <col min="16" max="17" width="16.125" style="5" customWidth="1"/>
    <col min="18" max="18" width="21.75" style="5" customWidth="1"/>
    <col min="19" max="19" width="17" style="5" customWidth="1"/>
    <col min="20" max="21" width="17" style="47" customWidth="1"/>
    <col min="22" max="23" width="10.625" style="5" customWidth="1"/>
    <col min="24" max="29" width="10.5" style="5" customWidth="1"/>
    <col min="30" max="30" width="12.625" style="5" customWidth="1"/>
    <col min="31" max="33" width="12.75" style="5" customWidth="1"/>
    <col min="34" max="34" width="11.625" style="5" customWidth="1"/>
    <col min="35" max="16384" width="4.25" style="5"/>
  </cols>
  <sheetData>
    <row r="1" spans="1:34" ht="18.75">
      <c r="N1" s="4"/>
      <c r="O1" s="3"/>
      <c r="T1" s="5"/>
      <c r="U1" s="5"/>
      <c r="AH1" s="46" t="s">
        <v>184</v>
      </c>
    </row>
    <row r="2" spans="1:34" ht="20.100000000000001" customHeight="1">
      <c r="A2" s="13" t="s">
        <v>164</v>
      </c>
      <c r="B2" s="14"/>
      <c r="C2" s="14"/>
      <c r="D2" s="14"/>
      <c r="E2" s="14"/>
      <c r="F2" s="14"/>
      <c r="G2" s="14"/>
      <c r="H2" s="14"/>
      <c r="I2" s="14"/>
      <c r="J2" s="14"/>
      <c r="K2" s="14"/>
      <c r="L2" s="14"/>
      <c r="M2" s="14"/>
      <c r="N2" s="14"/>
      <c r="O2" s="14"/>
      <c r="P2" s="14"/>
      <c r="Q2" s="14"/>
      <c r="R2" s="14"/>
      <c r="S2" s="14"/>
      <c r="T2" s="14"/>
      <c r="U2" s="61"/>
      <c r="V2" s="14"/>
      <c r="W2" s="14"/>
      <c r="X2" s="124" t="s">
        <v>222</v>
      </c>
      <c r="Y2" s="124"/>
      <c r="Z2" s="124" t="s">
        <v>176</v>
      </c>
      <c r="AA2" s="124"/>
      <c r="AB2" s="124" t="s">
        <v>174</v>
      </c>
      <c r="AC2" s="124"/>
      <c r="AD2" s="67" t="s">
        <v>166</v>
      </c>
      <c r="AE2" s="67"/>
      <c r="AF2" s="67"/>
      <c r="AG2" s="67"/>
      <c r="AH2" s="14"/>
    </row>
    <row r="3" spans="1:34" s="8" customFormat="1" ht="130.5" customHeight="1">
      <c r="A3" s="50" t="s">
        <v>0</v>
      </c>
      <c r="B3" s="51" t="s">
        <v>1</v>
      </c>
      <c r="C3" s="51" t="s">
        <v>34</v>
      </c>
      <c r="D3" s="52" t="s">
        <v>104</v>
      </c>
      <c r="E3" s="51" t="s">
        <v>2</v>
      </c>
      <c r="F3" s="51" t="s">
        <v>212</v>
      </c>
      <c r="G3" s="51" t="s">
        <v>11</v>
      </c>
      <c r="H3" s="51" t="s">
        <v>6</v>
      </c>
      <c r="I3" s="51" t="s">
        <v>3</v>
      </c>
      <c r="J3" s="53" t="s">
        <v>146</v>
      </c>
      <c r="K3" s="51" t="s">
        <v>10</v>
      </c>
      <c r="L3" s="51" t="s">
        <v>99</v>
      </c>
      <c r="M3" s="51" t="s">
        <v>9</v>
      </c>
      <c r="N3" s="52" t="s">
        <v>8</v>
      </c>
      <c r="O3" s="53" t="s">
        <v>169</v>
      </c>
      <c r="P3" s="80" t="s">
        <v>181</v>
      </c>
      <c r="Q3" s="90" t="s">
        <v>230</v>
      </c>
      <c r="R3" s="55" t="s">
        <v>233</v>
      </c>
      <c r="S3" s="56" t="s">
        <v>102</v>
      </c>
      <c r="T3" s="62" t="s">
        <v>170</v>
      </c>
      <c r="U3" s="62" t="s">
        <v>183</v>
      </c>
      <c r="V3" s="51" t="s">
        <v>211</v>
      </c>
      <c r="W3" s="51" t="s">
        <v>162</v>
      </c>
      <c r="X3" s="106" t="s">
        <v>101</v>
      </c>
      <c r="Y3" s="106" t="s">
        <v>173</v>
      </c>
      <c r="Z3" s="51" t="s">
        <v>175</v>
      </c>
      <c r="AA3" s="51" t="s">
        <v>173</v>
      </c>
      <c r="AB3" s="51" t="s">
        <v>175</v>
      </c>
      <c r="AC3" s="51" t="s">
        <v>173</v>
      </c>
      <c r="AD3" s="51" t="s">
        <v>165</v>
      </c>
      <c r="AE3" s="51" t="s">
        <v>216</v>
      </c>
      <c r="AF3" s="51" t="s">
        <v>167</v>
      </c>
      <c r="AG3" s="51" t="s">
        <v>226</v>
      </c>
      <c r="AH3" s="53" t="s">
        <v>5</v>
      </c>
    </row>
    <row r="4" spans="1:34" ht="20.25" customHeight="1">
      <c r="A4" s="42">
        <v>1</v>
      </c>
      <c r="B4" s="16"/>
      <c r="C4" s="17"/>
      <c r="D4" s="18" t="e">
        <f t="shared" ref="D4:D18" si="0">VLOOKUP(C4,$C$30:$D$76,2)</f>
        <v>#N/A</v>
      </c>
      <c r="E4" s="17"/>
      <c r="F4" s="19"/>
      <c r="G4" s="19"/>
      <c r="H4" s="19"/>
      <c r="I4" s="16"/>
      <c r="J4" s="57"/>
      <c r="K4" s="20"/>
      <c r="L4" s="20"/>
      <c r="M4" s="21"/>
      <c r="N4" s="22"/>
      <c r="O4" s="23"/>
      <c r="P4" s="16"/>
      <c r="Q4" s="16"/>
      <c r="R4" s="58"/>
      <c r="S4" s="59" t="e">
        <f>R4/Q4</f>
        <v>#DIV/0!</v>
      </c>
      <c r="T4" s="63"/>
      <c r="U4" s="24"/>
      <c r="V4" s="24"/>
      <c r="W4" s="19"/>
      <c r="X4" s="19"/>
      <c r="Y4" s="19"/>
      <c r="Z4" s="19"/>
      <c r="AA4" s="19"/>
      <c r="AB4" s="19"/>
      <c r="AC4" s="19"/>
      <c r="AD4" s="64"/>
      <c r="AE4" s="19"/>
      <c r="AF4" s="19"/>
      <c r="AG4" s="19"/>
      <c r="AH4" s="58"/>
    </row>
    <row r="5" spans="1:34" ht="20.25" customHeight="1">
      <c r="A5" s="42">
        <v>2</v>
      </c>
      <c r="B5" s="16"/>
      <c r="C5" s="17"/>
      <c r="D5" s="18" t="e">
        <f t="shared" si="0"/>
        <v>#N/A</v>
      </c>
      <c r="E5" s="17"/>
      <c r="F5" s="19"/>
      <c r="G5" s="19"/>
      <c r="H5" s="19"/>
      <c r="I5" s="16"/>
      <c r="J5" s="57"/>
      <c r="K5" s="20"/>
      <c r="L5" s="20"/>
      <c r="M5" s="21"/>
      <c r="N5" s="22"/>
      <c r="O5" s="23"/>
      <c r="P5" s="16"/>
      <c r="Q5" s="16"/>
      <c r="R5" s="58"/>
      <c r="S5" s="59" t="e">
        <f t="shared" ref="S5:S18" si="1">R5/Q5</f>
        <v>#DIV/0!</v>
      </c>
      <c r="T5" s="63"/>
      <c r="U5" s="24"/>
      <c r="V5" s="24"/>
      <c r="W5" s="19"/>
      <c r="X5" s="19"/>
      <c r="Y5" s="19"/>
      <c r="Z5" s="19"/>
      <c r="AA5" s="19"/>
      <c r="AB5" s="19"/>
      <c r="AC5" s="19"/>
      <c r="AD5" s="64"/>
      <c r="AE5" s="19"/>
      <c r="AF5" s="19"/>
      <c r="AG5" s="19"/>
      <c r="AH5" s="58"/>
    </row>
    <row r="6" spans="1:34" ht="20.25" customHeight="1">
      <c r="A6" s="42">
        <v>3</v>
      </c>
      <c r="B6" s="16"/>
      <c r="C6" s="17"/>
      <c r="D6" s="18" t="e">
        <f t="shared" si="0"/>
        <v>#N/A</v>
      </c>
      <c r="E6" s="17"/>
      <c r="F6" s="42"/>
      <c r="G6" s="19"/>
      <c r="H6" s="19"/>
      <c r="I6" s="16"/>
      <c r="J6" s="57"/>
      <c r="K6" s="20"/>
      <c r="L6" s="20"/>
      <c r="M6" s="21"/>
      <c r="N6" s="22"/>
      <c r="O6" s="23"/>
      <c r="P6" s="16"/>
      <c r="Q6" s="16"/>
      <c r="R6" s="58"/>
      <c r="S6" s="59" t="e">
        <f t="shared" si="1"/>
        <v>#DIV/0!</v>
      </c>
      <c r="T6" s="63"/>
      <c r="U6" s="24"/>
      <c r="V6" s="24"/>
      <c r="W6" s="19"/>
      <c r="X6" s="19"/>
      <c r="Y6" s="19"/>
      <c r="Z6" s="19"/>
      <c r="AA6" s="19"/>
      <c r="AB6" s="19"/>
      <c r="AC6" s="19"/>
      <c r="AD6" s="64"/>
      <c r="AE6" s="19"/>
      <c r="AF6" s="19"/>
      <c r="AG6" s="19"/>
      <c r="AH6" s="58"/>
    </row>
    <row r="7" spans="1:34" ht="20.25" customHeight="1">
      <c r="A7" s="42">
        <v>4</v>
      </c>
      <c r="B7" s="16"/>
      <c r="C7" s="17"/>
      <c r="D7" s="18" t="e">
        <f t="shared" si="0"/>
        <v>#N/A</v>
      </c>
      <c r="E7" s="17"/>
      <c r="F7" s="19"/>
      <c r="G7" s="19"/>
      <c r="H7" s="19"/>
      <c r="I7" s="16"/>
      <c r="J7" s="57"/>
      <c r="K7" s="20"/>
      <c r="L7" s="20"/>
      <c r="M7" s="21"/>
      <c r="N7" s="22"/>
      <c r="O7" s="23"/>
      <c r="P7" s="16"/>
      <c r="Q7" s="16"/>
      <c r="R7" s="58"/>
      <c r="S7" s="59" t="e">
        <f t="shared" si="1"/>
        <v>#DIV/0!</v>
      </c>
      <c r="T7" s="63"/>
      <c r="U7" s="24"/>
      <c r="V7" s="24"/>
      <c r="W7" s="19"/>
      <c r="X7" s="19"/>
      <c r="Y7" s="19"/>
      <c r="Z7" s="19"/>
      <c r="AA7" s="19"/>
      <c r="AB7" s="19"/>
      <c r="AC7" s="19"/>
      <c r="AD7" s="64"/>
      <c r="AE7" s="19"/>
      <c r="AF7" s="19"/>
      <c r="AG7" s="19"/>
      <c r="AH7" s="58"/>
    </row>
    <row r="8" spans="1:34" ht="20.25" customHeight="1">
      <c r="A8" s="42">
        <v>5</v>
      </c>
      <c r="B8" s="16"/>
      <c r="C8" s="17"/>
      <c r="D8" s="18" t="e">
        <f t="shared" si="0"/>
        <v>#N/A</v>
      </c>
      <c r="E8" s="17"/>
      <c r="F8" s="19"/>
      <c r="G8" s="19"/>
      <c r="H8" s="19"/>
      <c r="I8" s="16"/>
      <c r="J8" s="57"/>
      <c r="K8" s="20"/>
      <c r="L8" s="20"/>
      <c r="M8" s="21"/>
      <c r="N8" s="22"/>
      <c r="O8" s="23"/>
      <c r="P8" s="16"/>
      <c r="Q8" s="16"/>
      <c r="R8" s="58"/>
      <c r="S8" s="59" t="e">
        <f t="shared" si="1"/>
        <v>#DIV/0!</v>
      </c>
      <c r="T8" s="63"/>
      <c r="U8" s="24"/>
      <c r="V8" s="24"/>
      <c r="W8" s="19"/>
      <c r="X8" s="19"/>
      <c r="Y8" s="19"/>
      <c r="Z8" s="19"/>
      <c r="AA8" s="19"/>
      <c r="AB8" s="19"/>
      <c r="AC8" s="19"/>
      <c r="AD8" s="64"/>
      <c r="AE8" s="19"/>
      <c r="AF8" s="19"/>
      <c r="AG8" s="19"/>
      <c r="AH8" s="58"/>
    </row>
    <row r="9" spans="1:34" ht="20.25" customHeight="1">
      <c r="A9" s="42">
        <v>6</v>
      </c>
      <c r="B9" s="16"/>
      <c r="C9" s="17"/>
      <c r="D9" s="18" t="e">
        <f t="shared" si="0"/>
        <v>#N/A</v>
      </c>
      <c r="E9" s="17"/>
      <c r="F9" s="19"/>
      <c r="G9" s="19"/>
      <c r="H9" s="19"/>
      <c r="I9" s="16"/>
      <c r="J9" s="57"/>
      <c r="K9" s="20"/>
      <c r="L9" s="20"/>
      <c r="M9" s="21"/>
      <c r="N9" s="22"/>
      <c r="O9" s="23"/>
      <c r="P9" s="16"/>
      <c r="Q9" s="16"/>
      <c r="R9" s="58"/>
      <c r="S9" s="59" t="e">
        <f t="shared" si="1"/>
        <v>#DIV/0!</v>
      </c>
      <c r="T9" s="63"/>
      <c r="U9" s="24"/>
      <c r="V9" s="24"/>
      <c r="W9" s="19"/>
      <c r="X9" s="19"/>
      <c r="Y9" s="19"/>
      <c r="Z9" s="19"/>
      <c r="AA9" s="19"/>
      <c r="AB9" s="19"/>
      <c r="AC9" s="19"/>
      <c r="AD9" s="64"/>
      <c r="AE9" s="19"/>
      <c r="AF9" s="19"/>
      <c r="AG9" s="19"/>
      <c r="AH9" s="58"/>
    </row>
    <row r="10" spans="1:34" ht="20.25" customHeight="1">
      <c r="A10" s="42">
        <v>7</v>
      </c>
      <c r="B10" s="16"/>
      <c r="C10" s="17"/>
      <c r="D10" s="18" t="e">
        <f t="shared" si="0"/>
        <v>#N/A</v>
      </c>
      <c r="E10" s="17"/>
      <c r="F10" s="19"/>
      <c r="G10" s="19"/>
      <c r="H10" s="19"/>
      <c r="I10" s="16"/>
      <c r="J10" s="57"/>
      <c r="K10" s="20"/>
      <c r="L10" s="20"/>
      <c r="M10" s="21"/>
      <c r="N10" s="22"/>
      <c r="O10" s="23"/>
      <c r="P10" s="16"/>
      <c r="Q10" s="16"/>
      <c r="R10" s="58"/>
      <c r="S10" s="59" t="e">
        <f t="shared" si="1"/>
        <v>#DIV/0!</v>
      </c>
      <c r="T10" s="63"/>
      <c r="U10" s="24"/>
      <c r="V10" s="24"/>
      <c r="W10" s="19"/>
      <c r="X10" s="19"/>
      <c r="Y10" s="19"/>
      <c r="Z10" s="19"/>
      <c r="AA10" s="19"/>
      <c r="AB10" s="19"/>
      <c r="AC10" s="19"/>
      <c r="AD10" s="64"/>
      <c r="AE10" s="19"/>
      <c r="AF10" s="19"/>
      <c r="AG10" s="19"/>
      <c r="AH10" s="58"/>
    </row>
    <row r="11" spans="1:34" ht="20.25" customHeight="1">
      <c r="A11" s="42">
        <v>8</v>
      </c>
      <c r="B11" s="16"/>
      <c r="C11" s="17"/>
      <c r="D11" s="18" t="e">
        <f t="shared" si="0"/>
        <v>#N/A</v>
      </c>
      <c r="E11" s="17"/>
      <c r="F11" s="19"/>
      <c r="G11" s="19"/>
      <c r="H11" s="19"/>
      <c r="I11" s="16"/>
      <c r="J11" s="57"/>
      <c r="K11" s="20"/>
      <c r="L11" s="20"/>
      <c r="M11" s="21"/>
      <c r="N11" s="22"/>
      <c r="O11" s="23"/>
      <c r="P11" s="16"/>
      <c r="Q11" s="16"/>
      <c r="R11" s="58"/>
      <c r="S11" s="59" t="e">
        <f t="shared" si="1"/>
        <v>#DIV/0!</v>
      </c>
      <c r="T11" s="63"/>
      <c r="U11" s="24"/>
      <c r="V11" s="24"/>
      <c r="W11" s="19"/>
      <c r="X11" s="19"/>
      <c r="Y11" s="19"/>
      <c r="Z11" s="19"/>
      <c r="AA11" s="19"/>
      <c r="AB11" s="19"/>
      <c r="AC11" s="19"/>
      <c r="AD11" s="64"/>
      <c r="AE11" s="19"/>
      <c r="AF11" s="19"/>
      <c r="AG11" s="19"/>
      <c r="AH11" s="58"/>
    </row>
    <row r="12" spans="1:34" ht="20.25" customHeight="1">
      <c r="A12" s="42">
        <v>9</v>
      </c>
      <c r="B12" s="16"/>
      <c r="C12" s="17"/>
      <c r="D12" s="18" t="e">
        <f t="shared" si="0"/>
        <v>#N/A</v>
      </c>
      <c r="E12" s="17"/>
      <c r="F12" s="19"/>
      <c r="G12" s="19"/>
      <c r="H12" s="19"/>
      <c r="I12" s="16"/>
      <c r="J12" s="57"/>
      <c r="K12" s="20"/>
      <c r="L12" s="20"/>
      <c r="M12" s="21"/>
      <c r="N12" s="22"/>
      <c r="O12" s="23"/>
      <c r="P12" s="16"/>
      <c r="Q12" s="16"/>
      <c r="R12" s="58"/>
      <c r="S12" s="59" t="e">
        <f t="shared" si="1"/>
        <v>#DIV/0!</v>
      </c>
      <c r="T12" s="63"/>
      <c r="U12" s="24"/>
      <c r="V12" s="24"/>
      <c r="W12" s="19"/>
      <c r="X12" s="19"/>
      <c r="Y12" s="19"/>
      <c r="Z12" s="19"/>
      <c r="AA12" s="19"/>
      <c r="AB12" s="19"/>
      <c r="AC12" s="19"/>
      <c r="AD12" s="64"/>
      <c r="AE12" s="19"/>
      <c r="AF12" s="19"/>
      <c r="AG12" s="19"/>
      <c r="AH12" s="58"/>
    </row>
    <row r="13" spans="1:34" ht="20.25" customHeight="1">
      <c r="A13" s="42">
        <v>10</v>
      </c>
      <c r="B13" s="16"/>
      <c r="C13" s="17"/>
      <c r="D13" s="18" t="e">
        <f t="shared" si="0"/>
        <v>#N/A</v>
      </c>
      <c r="E13" s="17"/>
      <c r="F13" s="19"/>
      <c r="G13" s="19"/>
      <c r="H13" s="19"/>
      <c r="I13" s="16"/>
      <c r="J13" s="57"/>
      <c r="K13" s="20"/>
      <c r="L13" s="20"/>
      <c r="M13" s="21"/>
      <c r="N13" s="22"/>
      <c r="O13" s="23"/>
      <c r="P13" s="16"/>
      <c r="Q13" s="16"/>
      <c r="R13" s="58"/>
      <c r="S13" s="59" t="e">
        <f t="shared" si="1"/>
        <v>#DIV/0!</v>
      </c>
      <c r="T13" s="63"/>
      <c r="U13" s="24"/>
      <c r="V13" s="24"/>
      <c r="W13" s="19"/>
      <c r="X13" s="19"/>
      <c r="Y13" s="19"/>
      <c r="Z13" s="19"/>
      <c r="AA13" s="19"/>
      <c r="AB13" s="19"/>
      <c r="AC13" s="19"/>
      <c r="AD13" s="64"/>
      <c r="AE13" s="19"/>
      <c r="AF13" s="19"/>
      <c r="AG13" s="19"/>
      <c r="AH13" s="58"/>
    </row>
    <row r="14" spans="1:34" ht="20.25" customHeight="1">
      <c r="A14" s="42">
        <v>11</v>
      </c>
      <c r="B14" s="16"/>
      <c r="C14" s="17"/>
      <c r="D14" s="18" t="e">
        <f t="shared" si="0"/>
        <v>#N/A</v>
      </c>
      <c r="E14" s="17"/>
      <c r="F14" s="19"/>
      <c r="G14" s="19"/>
      <c r="H14" s="19"/>
      <c r="I14" s="16"/>
      <c r="J14" s="57"/>
      <c r="K14" s="20"/>
      <c r="L14" s="20"/>
      <c r="M14" s="21"/>
      <c r="N14" s="22"/>
      <c r="O14" s="23"/>
      <c r="P14" s="16"/>
      <c r="Q14" s="16"/>
      <c r="R14" s="58"/>
      <c r="S14" s="59" t="e">
        <f t="shared" si="1"/>
        <v>#DIV/0!</v>
      </c>
      <c r="T14" s="63"/>
      <c r="U14" s="24"/>
      <c r="V14" s="24"/>
      <c r="W14" s="19"/>
      <c r="X14" s="19"/>
      <c r="Y14" s="19"/>
      <c r="Z14" s="19"/>
      <c r="AA14" s="19"/>
      <c r="AB14" s="19"/>
      <c r="AC14" s="19"/>
      <c r="AD14" s="64"/>
      <c r="AE14" s="19"/>
      <c r="AF14" s="19"/>
      <c r="AG14" s="19"/>
      <c r="AH14" s="58"/>
    </row>
    <row r="15" spans="1:34" ht="20.25" customHeight="1">
      <c r="A15" s="42">
        <v>12</v>
      </c>
      <c r="B15" s="16"/>
      <c r="C15" s="17"/>
      <c r="D15" s="18" t="e">
        <f t="shared" si="0"/>
        <v>#N/A</v>
      </c>
      <c r="E15" s="17"/>
      <c r="F15" s="19"/>
      <c r="G15" s="19"/>
      <c r="H15" s="19"/>
      <c r="I15" s="16"/>
      <c r="J15" s="57"/>
      <c r="K15" s="20"/>
      <c r="L15" s="20"/>
      <c r="M15" s="21"/>
      <c r="N15" s="22"/>
      <c r="O15" s="23"/>
      <c r="P15" s="16"/>
      <c r="Q15" s="16"/>
      <c r="R15" s="58"/>
      <c r="S15" s="59" t="e">
        <f t="shared" si="1"/>
        <v>#DIV/0!</v>
      </c>
      <c r="T15" s="63"/>
      <c r="U15" s="24"/>
      <c r="V15" s="24"/>
      <c r="W15" s="19"/>
      <c r="X15" s="19"/>
      <c r="Y15" s="19"/>
      <c r="Z15" s="19"/>
      <c r="AA15" s="19"/>
      <c r="AB15" s="19"/>
      <c r="AC15" s="19"/>
      <c r="AD15" s="64"/>
      <c r="AE15" s="19"/>
      <c r="AF15" s="19"/>
      <c r="AG15" s="19"/>
      <c r="AH15" s="58"/>
    </row>
    <row r="16" spans="1:34" ht="20.25" customHeight="1">
      <c r="A16" s="42">
        <v>13</v>
      </c>
      <c r="B16" s="16"/>
      <c r="C16" s="17"/>
      <c r="D16" s="18" t="e">
        <f t="shared" si="0"/>
        <v>#N/A</v>
      </c>
      <c r="E16" s="17"/>
      <c r="F16" s="19"/>
      <c r="G16" s="19"/>
      <c r="H16" s="19"/>
      <c r="I16" s="16"/>
      <c r="J16" s="57"/>
      <c r="K16" s="20"/>
      <c r="L16" s="20"/>
      <c r="M16" s="21"/>
      <c r="N16" s="22"/>
      <c r="O16" s="23"/>
      <c r="P16" s="16"/>
      <c r="Q16" s="16"/>
      <c r="R16" s="58"/>
      <c r="S16" s="59" t="e">
        <f t="shared" si="1"/>
        <v>#DIV/0!</v>
      </c>
      <c r="T16" s="63"/>
      <c r="U16" s="24"/>
      <c r="V16" s="24"/>
      <c r="W16" s="19"/>
      <c r="X16" s="19"/>
      <c r="Y16" s="19"/>
      <c r="Z16" s="19"/>
      <c r="AA16" s="19"/>
      <c r="AB16" s="19"/>
      <c r="AC16" s="19"/>
      <c r="AD16" s="64"/>
      <c r="AE16" s="19"/>
      <c r="AF16" s="19"/>
      <c r="AG16" s="19"/>
      <c r="AH16" s="58"/>
    </row>
    <row r="17" spans="1:34" ht="20.25" customHeight="1">
      <c r="A17" s="42">
        <v>14</v>
      </c>
      <c r="B17" s="16"/>
      <c r="C17" s="17"/>
      <c r="D17" s="18" t="e">
        <f t="shared" si="0"/>
        <v>#N/A</v>
      </c>
      <c r="E17" s="17"/>
      <c r="F17" s="19"/>
      <c r="G17" s="19"/>
      <c r="H17" s="19"/>
      <c r="I17" s="16"/>
      <c r="J17" s="57"/>
      <c r="K17" s="20"/>
      <c r="L17" s="20"/>
      <c r="M17" s="21"/>
      <c r="N17" s="22"/>
      <c r="O17" s="23"/>
      <c r="P17" s="16"/>
      <c r="Q17" s="16"/>
      <c r="R17" s="58"/>
      <c r="S17" s="59" t="e">
        <f t="shared" si="1"/>
        <v>#DIV/0!</v>
      </c>
      <c r="T17" s="63"/>
      <c r="U17" s="24"/>
      <c r="V17" s="24"/>
      <c r="W17" s="19"/>
      <c r="X17" s="19"/>
      <c r="Y17" s="19"/>
      <c r="Z17" s="19"/>
      <c r="AA17" s="19"/>
      <c r="AB17" s="19"/>
      <c r="AC17" s="19"/>
      <c r="AD17" s="64"/>
      <c r="AE17" s="19"/>
      <c r="AF17" s="19"/>
      <c r="AG17" s="19"/>
      <c r="AH17" s="58"/>
    </row>
    <row r="18" spans="1:34" ht="20.25" customHeight="1">
      <c r="A18" s="42">
        <v>15</v>
      </c>
      <c r="B18" s="16"/>
      <c r="C18" s="17"/>
      <c r="D18" s="18" t="e">
        <f t="shared" si="0"/>
        <v>#N/A</v>
      </c>
      <c r="E18" s="17"/>
      <c r="F18" s="19"/>
      <c r="G18" s="19"/>
      <c r="H18" s="19"/>
      <c r="I18" s="16"/>
      <c r="J18" s="57"/>
      <c r="K18" s="20"/>
      <c r="L18" s="20"/>
      <c r="M18" s="21"/>
      <c r="N18" s="22"/>
      <c r="O18" s="23"/>
      <c r="P18" s="16"/>
      <c r="Q18" s="16"/>
      <c r="R18" s="58"/>
      <c r="S18" s="59" t="e">
        <f t="shared" si="1"/>
        <v>#DIV/0!</v>
      </c>
      <c r="T18" s="63"/>
      <c r="U18" s="24"/>
      <c r="V18" s="24"/>
      <c r="W18" s="19"/>
      <c r="X18" s="19"/>
      <c r="Y18" s="19"/>
      <c r="Z18" s="19"/>
      <c r="AA18" s="19"/>
      <c r="AB18" s="19"/>
      <c r="AC18" s="19"/>
      <c r="AD18" s="64"/>
      <c r="AE18" s="19"/>
      <c r="AF18" s="19"/>
      <c r="AG18" s="19"/>
      <c r="AH18" s="58"/>
    </row>
    <row r="19" spans="1:34" s="9" customFormat="1" ht="20.25" customHeight="1">
      <c r="A19" s="25" t="s">
        <v>7</v>
      </c>
      <c r="B19" s="13"/>
      <c r="C19" s="13"/>
      <c r="D19" s="13"/>
      <c r="E19" s="13"/>
      <c r="F19" s="13"/>
      <c r="G19" s="13"/>
      <c r="H19" s="13"/>
      <c r="I19" s="13"/>
      <c r="J19" s="13"/>
      <c r="K19" s="13"/>
      <c r="L19" s="13"/>
      <c r="M19" s="13"/>
      <c r="N19" s="13"/>
      <c r="O19" s="13"/>
      <c r="P19" s="13"/>
      <c r="Q19" s="13"/>
      <c r="R19" s="13"/>
      <c r="S19" s="13"/>
      <c r="T19" s="13"/>
      <c r="U19" s="45"/>
      <c r="V19" s="13"/>
      <c r="W19" s="13"/>
      <c r="X19" s="13"/>
      <c r="Y19" s="13"/>
      <c r="Z19" s="13"/>
      <c r="AA19" s="13"/>
      <c r="AB19" s="13"/>
      <c r="AC19" s="13"/>
      <c r="AD19" s="13"/>
      <c r="AE19" s="13"/>
      <c r="AF19" s="13"/>
      <c r="AG19" s="13"/>
      <c r="AH19" s="13"/>
    </row>
    <row r="20" spans="1:34" s="9" customFormat="1" ht="20.25" customHeight="1">
      <c r="A20" s="13" t="s">
        <v>4</v>
      </c>
      <c r="B20" s="13"/>
      <c r="C20" s="13"/>
      <c r="D20" s="13"/>
      <c r="E20" s="13"/>
      <c r="F20" s="13"/>
      <c r="G20" s="13"/>
      <c r="H20" s="13"/>
      <c r="I20" s="13"/>
      <c r="J20" s="13"/>
      <c r="K20" s="13"/>
      <c r="L20" s="13"/>
      <c r="M20" s="13"/>
      <c r="N20" s="13"/>
      <c r="O20" s="13"/>
      <c r="P20" s="13"/>
      <c r="Q20" s="13"/>
      <c r="R20" s="13"/>
      <c r="S20" s="13"/>
      <c r="T20" s="13"/>
      <c r="U20" s="13"/>
      <c r="V20" s="13"/>
      <c r="W20" s="13"/>
      <c r="X20" s="13"/>
      <c r="Y20" s="13"/>
      <c r="Z20" s="13"/>
      <c r="AA20" s="13"/>
      <c r="AB20" s="13"/>
      <c r="AC20" s="13"/>
      <c r="AD20" s="13"/>
      <c r="AE20" s="13"/>
      <c r="AF20" s="13"/>
      <c r="AG20" s="13"/>
      <c r="AH20" s="13"/>
    </row>
    <row r="21" spans="1:34" s="10" customFormat="1" ht="20.100000000000001" customHeight="1">
      <c r="A21" s="27" t="s">
        <v>32</v>
      </c>
      <c r="B21" s="13"/>
      <c r="C21" s="13"/>
      <c r="D21" s="13"/>
      <c r="E21" s="13"/>
      <c r="F21" s="13"/>
      <c r="G21" s="13"/>
      <c r="H21" s="13"/>
      <c r="I21" s="13"/>
      <c r="J21" s="13"/>
      <c r="K21" s="13"/>
      <c r="L21" s="13"/>
      <c r="M21" s="13"/>
      <c r="N21" s="13"/>
      <c r="O21" s="13"/>
      <c r="P21" s="13"/>
      <c r="Q21" s="13"/>
      <c r="R21" s="13"/>
      <c r="S21" s="13"/>
      <c r="T21" s="13"/>
      <c r="U21" s="13"/>
      <c r="V21" s="13"/>
      <c r="W21" s="13"/>
      <c r="X21" s="13"/>
      <c r="Y21" s="13"/>
      <c r="Z21" s="13"/>
      <c r="AA21" s="13"/>
      <c r="AB21" s="13"/>
      <c r="AC21" s="13"/>
      <c r="AD21" s="13"/>
      <c r="AE21" s="13"/>
      <c r="AF21" s="13"/>
      <c r="AG21" s="13"/>
      <c r="AH21" s="13"/>
    </row>
    <row r="22" spans="1:34" s="9" customFormat="1" ht="20.25" customHeight="1">
      <c r="A22" s="13" t="s">
        <v>209</v>
      </c>
      <c r="B22" s="13"/>
      <c r="C22" s="13"/>
      <c r="D22" s="13"/>
      <c r="E22" s="13"/>
      <c r="F22" s="13"/>
      <c r="G22" s="13"/>
      <c r="H22" s="13"/>
      <c r="I22" s="13"/>
      <c r="J22" s="13"/>
      <c r="K22" s="13"/>
      <c r="L22" s="13"/>
      <c r="M22" s="13"/>
      <c r="N22" s="13"/>
      <c r="O22" s="13"/>
      <c r="P22" s="13"/>
      <c r="Q22" s="13"/>
      <c r="R22" s="13"/>
      <c r="S22" s="13"/>
      <c r="T22" s="13"/>
      <c r="U22" s="13"/>
      <c r="V22" s="13"/>
      <c r="W22" s="13"/>
      <c r="X22" s="13"/>
      <c r="Y22" s="13"/>
      <c r="Z22" s="13"/>
      <c r="AA22" s="13"/>
      <c r="AB22" s="13"/>
      <c r="AC22" s="13"/>
      <c r="AD22" s="13"/>
      <c r="AE22" s="13"/>
      <c r="AF22" s="13"/>
      <c r="AG22" s="13"/>
    </row>
    <row r="23" spans="1:34" s="10" customFormat="1" ht="20.100000000000001" customHeight="1">
      <c r="A23" s="13" t="s">
        <v>171</v>
      </c>
      <c r="B23" s="13"/>
      <c r="C23" s="13"/>
      <c r="D23" s="13"/>
      <c r="E23" s="13"/>
      <c r="F23" s="13"/>
      <c r="G23" s="13"/>
      <c r="H23" s="13"/>
      <c r="I23" s="13"/>
      <c r="J23" s="13"/>
      <c r="K23" s="13"/>
      <c r="L23" s="13"/>
      <c r="M23" s="13"/>
      <c r="N23" s="13"/>
      <c r="O23" s="13"/>
      <c r="P23" s="13"/>
      <c r="Q23" s="13"/>
      <c r="R23" s="13"/>
      <c r="S23" s="13"/>
      <c r="T23" s="13"/>
      <c r="U23" s="13"/>
      <c r="V23" s="13"/>
      <c r="W23" s="13"/>
      <c r="X23" s="13"/>
      <c r="Y23" s="13"/>
      <c r="Z23" s="13"/>
      <c r="AA23" s="13"/>
      <c r="AB23" s="13"/>
      <c r="AC23" s="13"/>
      <c r="AD23" s="13"/>
      <c r="AE23" s="13"/>
      <c r="AF23" s="13"/>
      <c r="AG23" s="13"/>
      <c r="AH23" s="13"/>
    </row>
    <row r="24" spans="1:34" s="9" customFormat="1" ht="20.25" customHeight="1">
      <c r="A24" s="13" t="s">
        <v>185</v>
      </c>
      <c r="B24" s="13"/>
      <c r="C24" s="13"/>
      <c r="D24" s="13"/>
      <c r="E24" s="13"/>
      <c r="F24" s="13"/>
      <c r="G24" s="13"/>
      <c r="H24" s="13"/>
      <c r="I24" s="13"/>
      <c r="J24" s="13"/>
      <c r="K24" s="13"/>
      <c r="L24" s="13"/>
      <c r="M24" s="13"/>
      <c r="N24" s="13"/>
      <c r="O24" s="13"/>
      <c r="P24" s="13"/>
      <c r="Q24" s="13"/>
      <c r="R24" s="13"/>
      <c r="S24" s="13"/>
      <c r="T24" s="13"/>
      <c r="U24" s="13"/>
      <c r="V24" s="13"/>
      <c r="W24" s="13"/>
      <c r="X24" s="13"/>
      <c r="Y24" s="13"/>
      <c r="Z24" s="13"/>
      <c r="AA24" s="13"/>
      <c r="AB24" s="13"/>
      <c r="AC24" s="13"/>
      <c r="AD24" s="13"/>
      <c r="AE24" s="13"/>
      <c r="AF24" s="13"/>
      <c r="AG24" s="13"/>
      <c r="AH24" s="13"/>
    </row>
    <row r="25" spans="1:34" ht="20.25" customHeight="1">
      <c r="T25" s="5"/>
      <c r="U25" s="5"/>
    </row>
    <row r="26" spans="1:34" ht="20.25" customHeight="1"/>
    <row r="27" spans="1:34" ht="19.5" customHeight="1"/>
    <row r="28" spans="1:34" ht="19.5" customHeight="1"/>
    <row r="30" spans="1:34" ht="18.75">
      <c r="C30" s="34">
        <v>1</v>
      </c>
      <c r="D30" s="35" t="s">
        <v>35</v>
      </c>
      <c r="G30" s="14" t="s">
        <v>26</v>
      </c>
    </row>
    <row r="31" spans="1:34" ht="18.75">
      <c r="C31" s="34">
        <v>2</v>
      </c>
      <c r="D31" s="35" t="s">
        <v>36</v>
      </c>
      <c r="G31" s="14" t="s">
        <v>23</v>
      </c>
    </row>
    <row r="32" spans="1:34" ht="18.75">
      <c r="C32" s="34">
        <v>3</v>
      </c>
      <c r="D32" s="35" t="s">
        <v>37</v>
      </c>
      <c r="G32" s="14" t="s">
        <v>22</v>
      </c>
    </row>
    <row r="33" spans="3:17" ht="18.75">
      <c r="C33" s="34">
        <v>4</v>
      </c>
      <c r="D33" s="35" t="s">
        <v>38</v>
      </c>
      <c r="G33" s="14" t="s">
        <v>25</v>
      </c>
    </row>
    <row r="34" spans="3:17" ht="18.75">
      <c r="C34" s="34">
        <v>5</v>
      </c>
      <c r="D34" s="35" t="s">
        <v>39</v>
      </c>
      <c r="G34" s="14" t="s">
        <v>21</v>
      </c>
    </row>
    <row r="35" spans="3:17" ht="18.75">
      <c r="C35" s="34">
        <v>6</v>
      </c>
      <c r="D35" s="37" t="s">
        <v>40</v>
      </c>
      <c r="G35" s="14" t="s">
        <v>24</v>
      </c>
    </row>
    <row r="36" spans="3:17" ht="18.75">
      <c r="C36" s="34">
        <v>7</v>
      </c>
      <c r="D36" s="37" t="s">
        <v>41</v>
      </c>
      <c r="G36" s="14" t="s">
        <v>20</v>
      </c>
    </row>
    <row r="37" spans="3:17" ht="18.75">
      <c r="C37" s="34">
        <v>8</v>
      </c>
      <c r="D37" s="35" t="s">
        <v>42</v>
      </c>
      <c r="G37" s="14" t="s">
        <v>19</v>
      </c>
    </row>
    <row r="38" spans="3:17" ht="18.75">
      <c r="C38" s="34">
        <v>9</v>
      </c>
      <c r="D38" s="35" t="s">
        <v>43</v>
      </c>
      <c r="G38" s="14" t="s">
        <v>18</v>
      </c>
    </row>
    <row r="39" spans="3:17" ht="18.75">
      <c r="C39" s="34">
        <v>10</v>
      </c>
      <c r="D39" s="35" t="s">
        <v>44</v>
      </c>
      <c r="G39" s="14" t="s">
        <v>17</v>
      </c>
    </row>
    <row r="40" spans="3:17" ht="18.75">
      <c r="C40" s="34">
        <v>11</v>
      </c>
      <c r="D40" s="35" t="s">
        <v>45</v>
      </c>
      <c r="G40" s="14" t="s">
        <v>16</v>
      </c>
    </row>
    <row r="41" spans="3:17" ht="18.75">
      <c r="C41" s="34">
        <v>12</v>
      </c>
      <c r="D41" s="35" t="s">
        <v>46</v>
      </c>
      <c r="G41" s="14" t="s">
        <v>15</v>
      </c>
    </row>
    <row r="42" spans="3:17" ht="18.75">
      <c r="C42" s="34">
        <v>13</v>
      </c>
      <c r="D42" s="35" t="s">
        <v>47</v>
      </c>
      <c r="G42" s="14" t="s">
        <v>14</v>
      </c>
    </row>
    <row r="43" spans="3:17" ht="18.75">
      <c r="C43" s="34">
        <v>14</v>
      </c>
      <c r="D43" s="35" t="s">
        <v>48</v>
      </c>
      <c r="G43" s="14" t="s">
        <v>33</v>
      </c>
    </row>
    <row r="44" spans="3:17" ht="18.75">
      <c r="C44" s="34">
        <v>15</v>
      </c>
      <c r="D44" s="35" t="s">
        <v>49</v>
      </c>
      <c r="G44" s="14" t="s">
        <v>13</v>
      </c>
      <c r="P44" s="1"/>
      <c r="Q44" s="1"/>
    </row>
    <row r="45" spans="3:17" ht="18.75">
      <c r="C45" s="34">
        <v>16</v>
      </c>
      <c r="D45" s="35" t="s">
        <v>50</v>
      </c>
      <c r="G45" s="14" t="s">
        <v>12</v>
      </c>
      <c r="P45" s="1"/>
      <c r="Q45" s="1"/>
    </row>
    <row r="46" spans="3:17" ht="18.75">
      <c r="C46" s="34">
        <v>17</v>
      </c>
      <c r="D46" s="35" t="s">
        <v>51</v>
      </c>
      <c r="P46" s="1"/>
      <c r="Q46" s="1"/>
    </row>
    <row r="47" spans="3:17" ht="18.75">
      <c r="C47" s="34">
        <v>18</v>
      </c>
      <c r="D47" s="35" t="s">
        <v>52</v>
      </c>
      <c r="P47" s="1"/>
      <c r="Q47" s="1"/>
    </row>
    <row r="48" spans="3:17" ht="18.75">
      <c r="C48" s="34">
        <v>19</v>
      </c>
      <c r="D48" s="35" t="s">
        <v>53</v>
      </c>
      <c r="P48" s="1"/>
      <c r="Q48" s="1"/>
    </row>
    <row r="49" spans="3:17" ht="18.75">
      <c r="C49" s="34">
        <v>20</v>
      </c>
      <c r="D49" s="35" t="s">
        <v>54</v>
      </c>
      <c r="P49" s="1"/>
      <c r="Q49" s="1"/>
    </row>
    <row r="50" spans="3:17" ht="18.75">
      <c r="C50" s="34">
        <v>21</v>
      </c>
      <c r="D50" s="35" t="s">
        <v>55</v>
      </c>
      <c r="P50" s="1"/>
      <c r="Q50" s="1"/>
    </row>
    <row r="51" spans="3:17" ht="18.75">
      <c r="C51" s="34">
        <v>22</v>
      </c>
      <c r="D51" s="35" t="s">
        <v>56</v>
      </c>
      <c r="P51" s="1"/>
      <c r="Q51" s="1"/>
    </row>
    <row r="52" spans="3:17" ht="18.75">
      <c r="C52" s="34">
        <v>23</v>
      </c>
      <c r="D52" s="35" t="s">
        <v>57</v>
      </c>
      <c r="P52" s="1"/>
      <c r="Q52" s="1"/>
    </row>
    <row r="53" spans="3:17" ht="18.75">
      <c r="C53" s="34">
        <v>24</v>
      </c>
      <c r="D53" s="35" t="s">
        <v>58</v>
      </c>
      <c r="P53" s="1"/>
      <c r="Q53" s="1"/>
    </row>
    <row r="54" spans="3:17" ht="18.75">
      <c r="C54" s="34">
        <v>25</v>
      </c>
      <c r="D54" s="35" t="s">
        <v>59</v>
      </c>
      <c r="P54" s="1"/>
      <c r="Q54" s="1"/>
    </row>
    <row r="55" spans="3:17" ht="18.75">
      <c r="C55" s="34">
        <v>26</v>
      </c>
      <c r="D55" s="35" t="s">
        <v>60</v>
      </c>
      <c r="P55" s="1"/>
      <c r="Q55" s="1"/>
    </row>
    <row r="56" spans="3:17" ht="18.75">
      <c r="C56" s="34">
        <v>27</v>
      </c>
      <c r="D56" s="35" t="s">
        <v>61</v>
      </c>
      <c r="P56" s="1"/>
      <c r="Q56" s="1"/>
    </row>
    <row r="57" spans="3:17" ht="18.75">
      <c r="C57" s="34">
        <v>28</v>
      </c>
      <c r="D57" s="35" t="s">
        <v>62</v>
      </c>
      <c r="P57" s="1"/>
      <c r="Q57" s="1"/>
    </row>
    <row r="58" spans="3:17" ht="18.75">
      <c r="C58" s="34">
        <v>29</v>
      </c>
      <c r="D58" s="35" t="s">
        <v>63</v>
      </c>
      <c r="P58" s="1"/>
      <c r="Q58" s="1"/>
    </row>
    <row r="59" spans="3:17" ht="18.75">
      <c r="C59" s="34">
        <v>30</v>
      </c>
      <c r="D59" s="35" t="s">
        <v>64</v>
      </c>
      <c r="P59" s="1"/>
      <c r="Q59" s="1"/>
    </row>
    <row r="60" spans="3:17" ht="18.75">
      <c r="C60" s="34">
        <v>31</v>
      </c>
      <c r="D60" s="35" t="s">
        <v>65</v>
      </c>
      <c r="P60" s="1"/>
      <c r="Q60" s="1"/>
    </row>
    <row r="61" spans="3:17" ht="18.75">
      <c r="C61" s="34">
        <v>32</v>
      </c>
      <c r="D61" s="35" t="s">
        <v>66</v>
      </c>
      <c r="P61" s="1"/>
      <c r="Q61" s="1"/>
    </row>
    <row r="62" spans="3:17" ht="18.75">
      <c r="C62" s="34">
        <v>33</v>
      </c>
      <c r="D62" s="35" t="s">
        <v>67</v>
      </c>
      <c r="P62" s="1"/>
      <c r="Q62" s="1"/>
    </row>
    <row r="63" spans="3:17" ht="18.75">
      <c r="C63" s="34">
        <v>34</v>
      </c>
      <c r="D63" s="35" t="s">
        <v>68</v>
      </c>
      <c r="P63" s="1"/>
      <c r="Q63" s="1"/>
    </row>
    <row r="64" spans="3:17" ht="18.75">
      <c r="C64" s="34">
        <v>35</v>
      </c>
      <c r="D64" s="35" t="s">
        <v>69</v>
      </c>
      <c r="P64" s="1"/>
      <c r="Q64" s="1"/>
    </row>
    <row r="65" spans="3:17" ht="18.75">
      <c r="C65" s="34">
        <v>36</v>
      </c>
      <c r="D65" s="35" t="s">
        <v>70</v>
      </c>
      <c r="P65" s="1"/>
      <c r="Q65" s="1"/>
    </row>
    <row r="66" spans="3:17" ht="18.75">
      <c r="C66" s="34">
        <v>37</v>
      </c>
      <c r="D66" s="35" t="s">
        <v>71</v>
      </c>
      <c r="P66" s="1"/>
      <c r="Q66" s="1"/>
    </row>
    <row r="67" spans="3:17" ht="18.75">
      <c r="C67" s="34">
        <v>38</v>
      </c>
      <c r="D67" s="35" t="s">
        <v>72</v>
      </c>
      <c r="P67" s="1"/>
      <c r="Q67" s="1"/>
    </row>
    <row r="68" spans="3:17" ht="18.75">
      <c r="C68" s="34">
        <v>39</v>
      </c>
      <c r="D68" s="35" t="s">
        <v>73</v>
      </c>
      <c r="P68" s="1"/>
      <c r="Q68" s="1"/>
    </row>
    <row r="69" spans="3:17" ht="18.75">
      <c r="C69" s="34">
        <v>40</v>
      </c>
      <c r="D69" s="35" t="s">
        <v>74</v>
      </c>
      <c r="P69" s="1"/>
      <c r="Q69" s="1"/>
    </row>
    <row r="70" spans="3:17" ht="18.75">
      <c r="C70" s="34">
        <v>41</v>
      </c>
      <c r="D70" s="35" t="s">
        <v>75</v>
      </c>
      <c r="P70" s="1"/>
      <c r="Q70" s="1"/>
    </row>
    <row r="71" spans="3:17" ht="18.75">
      <c r="C71" s="34">
        <v>42</v>
      </c>
      <c r="D71" s="35" t="s">
        <v>76</v>
      </c>
      <c r="P71" s="1"/>
      <c r="Q71" s="1"/>
    </row>
    <row r="72" spans="3:17" ht="18.75">
      <c r="C72" s="34">
        <v>43</v>
      </c>
      <c r="D72" s="35" t="s">
        <v>77</v>
      </c>
      <c r="P72" s="1"/>
      <c r="Q72" s="1"/>
    </row>
    <row r="73" spans="3:17" ht="18.75">
      <c r="C73" s="34">
        <v>44</v>
      </c>
      <c r="D73" s="35" t="s">
        <v>78</v>
      </c>
      <c r="P73" s="1"/>
      <c r="Q73" s="1"/>
    </row>
    <row r="74" spans="3:17" ht="18.75">
      <c r="C74" s="34">
        <v>45</v>
      </c>
      <c r="D74" s="35" t="s">
        <v>79</v>
      </c>
      <c r="P74" s="1"/>
      <c r="Q74" s="1"/>
    </row>
    <row r="75" spans="3:17" ht="18.75">
      <c r="C75" s="34">
        <v>46</v>
      </c>
      <c r="D75" s="35" t="s">
        <v>80</v>
      </c>
      <c r="P75" s="1"/>
      <c r="Q75" s="1"/>
    </row>
    <row r="76" spans="3:17" ht="18.75">
      <c r="C76" s="34">
        <v>47</v>
      </c>
      <c r="D76" s="35" t="s">
        <v>81</v>
      </c>
      <c r="P76" s="1"/>
      <c r="Q76" s="1"/>
    </row>
    <row r="77" spans="3:17">
      <c r="P77" s="1"/>
      <c r="Q77" s="1"/>
    </row>
    <row r="78" spans="3:17">
      <c r="P78" s="1"/>
      <c r="Q78" s="1"/>
    </row>
    <row r="79" spans="3:17">
      <c r="P79" s="1"/>
      <c r="Q79" s="1"/>
    </row>
    <row r="80" spans="3:17">
      <c r="P80" s="1"/>
      <c r="Q80" s="1"/>
    </row>
  </sheetData>
  <dataConsolidate/>
  <mergeCells count="3">
    <mergeCell ref="Z2:AA2"/>
    <mergeCell ref="AB2:AC2"/>
    <mergeCell ref="X2:Y2"/>
  </mergeCells>
  <phoneticPr fontId="1"/>
  <dataValidations xWindow="1326" yWindow="436" count="22">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dataValidation type="list" allowBlank="1" showInputMessage="1" showErrorMessage="1" promptTitle="ドロップダウンリストより選択してください" sqref="G4:G18">
      <formula1>$G$30:$G$45</formula1>
    </dataValidation>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N4:N18"/>
    <dataValidation showInputMessage="1" showErrorMessage="1" errorTitle="ドロップダウンリストより選択してください" promptTitle="千円単位" prompt="千円単位で記載してください" sqref="K4:L18"/>
    <dataValidation allowBlank="1" showErrorMessage="1" promptTitle="年月日を記載してください" prompt="書式設定を変更せずに、年月日を記載してください" sqref="AH4:AH18 R4:T18"/>
    <dataValidation allowBlank="1" showInputMessage="1" showErrorMessage="1" promptTitle="市町村名について" prompt="都道府県においては施設の所在市区町村名を記入してください。市区町村においては自治体名を記入してください。" sqref="E4:E18"/>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730（千円）、15,400（千円）を選択してください" sqref="M4:M18">
      <formula1>"7，730,15，400"</formula1>
    </dataValidation>
    <dataValidation type="list" showInputMessage="1" showErrorMessage="1" errorTitle="ドロップダウンリストより選択してください" promptTitle="国土強靭化地域計画への記載" prompt="国土強靭化地域計画への記載がある場合は、ドロップダウンリストより「有」、無ければ「無」を選択してください" sqref="V4:V18">
      <formula1>"有,無"</formula1>
    </dataValidation>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O4:O18"/>
    <dataValidation type="list" allowBlank="1" showInputMessage="1" showErrorMessage="1" errorTitle="ドロップダウンリストより選択してください" promptTitle="福祉避難所の指定（協定）状況について" prompt="対象施設について、協議書提出期限までに福祉避難所の指定または協定がある場合は「有」を指定または協定がない場合は「無」を選択してください。" sqref="W4:W18">
      <formula1>"有,無"</formula1>
    </dataValidation>
    <dataValidation type="list" allowBlank="1" showInputMessage="1" showErrorMessage="1" sqref="AD4:AE18">
      <formula1>"○"</formula1>
    </dataValidation>
    <dataValidation type="list" errorStyle="warning" allowBlank="1" showInputMessage="1" errorTitle="補助対象外です。" error="単なる可搬型の自家発電設備の整備は、原則補助対象外です。" sqref="AF4:AF18">
      <formula1>"○"</formula1>
    </dataValidation>
    <dataValidation type="list" errorStyle="warning" allowBlank="1" errorTitle="補助対象外です。" error="単なる可搬型の自家発電設備の整備は、原則補助対象外です。" prompt="単なる可搬型の自家発電設備の整備は、原則補助対象外です。" sqref="AE4:AE18">
      <formula1>"○,×"</formula1>
    </dataValidation>
    <dataValidation type="list" errorStyle="warning" allowBlank="1" showInputMessage="1" showErrorMessage="1" errorTitle="理由書の提出が必須です。" error="併設される老人短期入所施設があるものの、按分を行わない場合は、理由書の提出が必須です。" sqref="AG4:AG18">
      <formula1>"○"</formula1>
    </dataValidation>
    <dataValidation allowBlank="1" showInputMessage="1" showErrorMessage="1" promptTitle="作成見込みについて" prompt="具体的な日付を明記してください" sqref="AC5:AC18"/>
    <dataValidation type="list" allowBlank="1" showInputMessage="1" showErrorMessage="1" errorTitle="ドロップダウンリストより選択してください" promptTitle="避難確保計画の作成について" prompt="対象施設について避難確保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Z4:Z18">
      <formula1>"作成済み,作成見込み,未作成"</formula1>
    </dataValidation>
    <dataValidation type="list" allowBlank="1" showInputMessage="1" showErrorMessage="1" errorTitle="ドロップダウンリストより選択してください" promptTitle="非常災害対策計画の作成について" prompt="対象施設について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AB4:AB18">
      <formula1>"作成済み,作成見込み,未作成"</formula1>
    </dataValidation>
    <dataValidation allowBlank="1" showInputMessage="1" showErrorMessage="1" promptTitle="作成時期について" prompt="非常災害対策計画において「作成見込み」と回答した場合、具体的な日付を明記してください。" sqref="AC4"/>
    <dataValidation allowBlank="1" showInputMessage="1" showErrorMessage="1" promptTitle="作成時期について" prompt="避難確保計画において「作成見込み」と回答した場合、具体的な日付を明記してください。" sqref="AA4:AA18"/>
    <dataValidation type="list" allowBlank="1" showInputMessage="1" showErrorMessage="1" sqref="U4:U18">
      <formula1>"整備済,整備見込みあり"</formula1>
    </dataValidation>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X4:X18">
      <formula1>"作成済み,作成見込み,未作成"</formula1>
    </dataValidation>
    <dataValidation allowBlank="1" showInputMessage="1" showErrorMessage="1" promptTitle="作成時期について" prompt="業務継続計画（BCP)において「作成見込み」と回答した場合、具体的な日付を明記してください。" sqref="Y4:Y18"/>
  </dataValidations>
  <pageMargins left="0.93" right="0.16" top="0.74803149606299213" bottom="0.74803149606299213" header="0.31496062992125984" footer="0.31496062992125984"/>
  <pageSetup paperSize="8" scale="39" fitToHeight="0"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BE77"/>
  <sheetViews>
    <sheetView view="pageBreakPreview" topLeftCell="O1" zoomScale="70" zoomScaleNormal="100" zoomScaleSheetLayoutView="70" workbookViewId="0">
      <pane ySplit="5" topLeftCell="A6" activePane="bottomLeft" state="frozen"/>
      <selection activeCell="M35" sqref="M35"/>
      <selection pane="bottomLeft" activeCell="T6" sqref="T6"/>
    </sheetView>
  </sheetViews>
  <sheetFormatPr defaultColWidth="4.25" defaultRowHeight="16.5"/>
  <cols>
    <col min="1" max="1" width="6.625" style="14" customWidth="1"/>
    <col min="2" max="2" width="17" style="14" customWidth="1"/>
    <col min="3" max="3" width="9.75" style="14" customWidth="1"/>
    <col min="4" max="5" width="12.375" style="14" customWidth="1"/>
    <col min="6" max="6" width="17" style="14" customWidth="1"/>
    <col min="7" max="7" width="28.5" style="14" customWidth="1"/>
    <col min="8" max="8" width="28.625" style="14" customWidth="1"/>
    <col min="9" max="9" width="35.625" style="14" customWidth="1"/>
    <col min="10" max="10" width="25.625" style="14" customWidth="1"/>
    <col min="11" max="11" width="41.25" style="14" customWidth="1"/>
    <col min="12" max="14" width="23.75" style="14" customWidth="1"/>
    <col min="15" max="16" width="20.625" style="14" customWidth="1"/>
    <col min="17" max="17" width="22.75" style="14" customWidth="1"/>
    <col min="18" max="20" width="23.375" style="14" customWidth="1"/>
    <col min="21" max="22" width="24.125" style="5" customWidth="1"/>
    <col min="23" max="26" width="23.375" style="5" customWidth="1"/>
    <col min="27" max="27" width="16" style="14" customWidth="1"/>
    <col min="28" max="29" width="16.875" style="14" customWidth="1"/>
    <col min="30" max="32" width="20" style="14" customWidth="1"/>
    <col min="33" max="33" width="15.75" style="14" customWidth="1"/>
    <col min="34" max="35" width="16.875" style="14" customWidth="1"/>
    <col min="36" max="36" width="16" style="14" customWidth="1"/>
    <col min="37" max="37" width="16.875" style="14" customWidth="1"/>
    <col min="38" max="38" width="15.125" style="14" customWidth="1"/>
    <col min="39" max="41" width="16.875" style="14" customWidth="1"/>
    <col min="42" max="42" width="16.25" style="14" customWidth="1"/>
    <col min="43" max="44" width="16.875" style="14" customWidth="1"/>
    <col min="45" max="45" width="14.875" style="14" customWidth="1"/>
    <col min="46" max="46" width="16.875" style="14" customWidth="1"/>
    <col min="47" max="47" width="16" style="14" customWidth="1"/>
    <col min="48" max="48" width="16.875" style="14" customWidth="1"/>
    <col min="49" max="49" width="15.75" style="14" customWidth="1"/>
    <col min="50" max="52" width="16.875" style="14" customWidth="1"/>
    <col min="53" max="54" width="16" style="14" customWidth="1"/>
    <col min="55" max="56" width="18.875" style="14" customWidth="1"/>
    <col min="57" max="57" width="17.625" style="14" customWidth="1"/>
    <col min="58" max="16384" width="4.25" style="14"/>
  </cols>
  <sheetData>
    <row r="1" spans="1:57" ht="12" customHeight="1" thickBot="1">
      <c r="P1" s="28"/>
      <c r="BE1" s="28"/>
    </row>
    <row r="2" spans="1:57" s="15" customFormat="1" ht="36" customHeight="1" thickBot="1">
      <c r="A2" s="29" t="s">
        <v>149</v>
      </c>
      <c r="O2" s="30"/>
      <c r="P2" s="30"/>
      <c r="U2" s="142" t="s">
        <v>222</v>
      </c>
      <c r="V2" s="143"/>
      <c r="W2" s="134" t="s">
        <v>176</v>
      </c>
      <c r="X2" s="135"/>
      <c r="Y2" s="134" t="s">
        <v>174</v>
      </c>
      <c r="Z2" s="135"/>
      <c r="BE2" s="46" t="s">
        <v>187</v>
      </c>
    </row>
    <row r="3" spans="1:57" s="29" customFormat="1" ht="91.5" customHeight="1">
      <c r="A3" s="128" t="s">
        <v>0</v>
      </c>
      <c r="B3" s="126" t="s">
        <v>1</v>
      </c>
      <c r="C3" s="126" t="s">
        <v>34</v>
      </c>
      <c r="D3" s="126" t="s">
        <v>150</v>
      </c>
      <c r="E3" s="126" t="s">
        <v>2</v>
      </c>
      <c r="F3" s="126" t="s">
        <v>151</v>
      </c>
      <c r="G3" s="126" t="s">
        <v>11</v>
      </c>
      <c r="H3" s="126" t="s">
        <v>6</v>
      </c>
      <c r="I3" s="126" t="s">
        <v>3</v>
      </c>
      <c r="J3" s="126" t="s">
        <v>139</v>
      </c>
      <c r="K3" s="127" t="s">
        <v>85</v>
      </c>
      <c r="L3" s="127" t="s">
        <v>10</v>
      </c>
      <c r="M3" s="127" t="s">
        <v>99</v>
      </c>
      <c r="N3" s="127" t="s">
        <v>9</v>
      </c>
      <c r="O3" s="125" t="s">
        <v>8</v>
      </c>
      <c r="P3" s="136" t="s">
        <v>138</v>
      </c>
      <c r="Q3" s="141" t="s">
        <v>182</v>
      </c>
      <c r="R3" s="126" t="s">
        <v>152</v>
      </c>
      <c r="S3" s="137" t="s">
        <v>140</v>
      </c>
      <c r="T3" s="140" t="s">
        <v>230</v>
      </c>
      <c r="U3" s="138" t="s">
        <v>101</v>
      </c>
      <c r="V3" s="138" t="s">
        <v>173</v>
      </c>
      <c r="W3" s="126" t="s">
        <v>175</v>
      </c>
      <c r="X3" s="126" t="s">
        <v>173</v>
      </c>
      <c r="Y3" s="126" t="s">
        <v>175</v>
      </c>
      <c r="Z3" s="126" t="s">
        <v>173</v>
      </c>
      <c r="AA3" s="133" t="s">
        <v>142</v>
      </c>
      <c r="AB3" s="133"/>
      <c r="AC3" s="133"/>
      <c r="AD3" s="133"/>
      <c r="AE3" s="133"/>
      <c r="AF3" s="133"/>
      <c r="AG3" s="133"/>
      <c r="AH3" s="133"/>
      <c r="AI3" s="133"/>
      <c r="AJ3" s="133"/>
      <c r="AK3" s="133"/>
      <c r="AL3" s="133"/>
      <c r="AM3" s="133"/>
      <c r="AN3" s="133"/>
      <c r="AO3" s="133"/>
      <c r="AP3" s="133"/>
      <c r="AQ3" s="133"/>
      <c r="AR3" s="133"/>
      <c r="AS3" s="133"/>
      <c r="AT3" s="133"/>
      <c r="AU3" s="133"/>
      <c r="AV3" s="133"/>
      <c r="AW3" s="133"/>
      <c r="AX3" s="133"/>
      <c r="AY3" s="133"/>
      <c r="AZ3" s="133"/>
      <c r="BA3" s="133"/>
      <c r="BB3" s="131" t="s">
        <v>168</v>
      </c>
      <c r="BC3" s="132" t="s">
        <v>225</v>
      </c>
      <c r="BD3" s="132" t="s">
        <v>188</v>
      </c>
      <c r="BE3" s="127" t="s">
        <v>5</v>
      </c>
    </row>
    <row r="4" spans="1:57" s="29" customFormat="1" ht="85.5" customHeight="1">
      <c r="A4" s="128"/>
      <c r="B4" s="126"/>
      <c r="C4" s="126"/>
      <c r="D4" s="126"/>
      <c r="E4" s="126"/>
      <c r="F4" s="126"/>
      <c r="G4" s="126"/>
      <c r="H4" s="126"/>
      <c r="I4" s="126"/>
      <c r="J4" s="126"/>
      <c r="K4" s="127"/>
      <c r="L4" s="127"/>
      <c r="M4" s="127"/>
      <c r="N4" s="127"/>
      <c r="O4" s="125"/>
      <c r="P4" s="136"/>
      <c r="Q4" s="141"/>
      <c r="R4" s="126"/>
      <c r="S4" s="137"/>
      <c r="T4" s="140"/>
      <c r="U4" s="138"/>
      <c r="V4" s="138"/>
      <c r="W4" s="126"/>
      <c r="X4" s="126"/>
      <c r="Y4" s="126"/>
      <c r="Z4" s="126"/>
      <c r="AA4" s="129" t="s">
        <v>89</v>
      </c>
      <c r="AB4" s="129"/>
      <c r="AC4" s="129"/>
      <c r="AD4" s="68" t="s">
        <v>90</v>
      </c>
      <c r="AE4" s="68" t="s">
        <v>91</v>
      </c>
      <c r="AF4" s="68" t="s">
        <v>92</v>
      </c>
      <c r="AG4" s="129" t="s">
        <v>93</v>
      </c>
      <c r="AH4" s="129"/>
      <c r="AI4" s="129"/>
      <c r="AJ4" s="129" t="s">
        <v>177</v>
      </c>
      <c r="AK4" s="129"/>
      <c r="AL4" s="130" t="s">
        <v>94</v>
      </c>
      <c r="AM4" s="130"/>
      <c r="AN4" s="130"/>
      <c r="AO4" s="130"/>
      <c r="AP4" s="130" t="s">
        <v>143</v>
      </c>
      <c r="AQ4" s="130"/>
      <c r="AR4" s="130"/>
      <c r="AS4" s="130" t="s">
        <v>97</v>
      </c>
      <c r="AT4" s="130"/>
      <c r="AU4" s="130" t="s">
        <v>98</v>
      </c>
      <c r="AV4" s="130"/>
      <c r="AW4" s="130" t="s">
        <v>95</v>
      </c>
      <c r="AX4" s="130"/>
      <c r="AY4" s="130"/>
      <c r="AZ4" s="130"/>
      <c r="BA4" s="69" t="s">
        <v>96</v>
      </c>
      <c r="BB4" s="131"/>
      <c r="BC4" s="132"/>
      <c r="BD4" s="132"/>
      <c r="BE4" s="127"/>
    </row>
    <row r="5" spans="1:57" s="29" customFormat="1" ht="79.5" customHeight="1">
      <c r="A5" s="128"/>
      <c r="B5" s="126"/>
      <c r="C5" s="126"/>
      <c r="D5" s="126"/>
      <c r="E5" s="126"/>
      <c r="F5" s="126"/>
      <c r="G5" s="126"/>
      <c r="H5" s="126"/>
      <c r="I5" s="126"/>
      <c r="J5" s="126"/>
      <c r="K5" s="127"/>
      <c r="L5" s="127"/>
      <c r="M5" s="127"/>
      <c r="N5" s="127"/>
      <c r="O5" s="125"/>
      <c r="P5" s="136"/>
      <c r="Q5" s="141"/>
      <c r="R5" s="126"/>
      <c r="S5" s="137"/>
      <c r="T5" s="140"/>
      <c r="U5" s="139"/>
      <c r="V5" s="139"/>
      <c r="W5" s="126"/>
      <c r="X5" s="126"/>
      <c r="Y5" s="126"/>
      <c r="Z5" s="126"/>
      <c r="AA5" s="70"/>
      <c r="AB5" s="71" t="s">
        <v>82</v>
      </c>
      <c r="AC5" s="71" t="s">
        <v>88</v>
      </c>
      <c r="AD5" s="72"/>
      <c r="AE5" s="72"/>
      <c r="AF5" s="72"/>
      <c r="AG5" s="72"/>
      <c r="AH5" s="73" t="s">
        <v>84</v>
      </c>
      <c r="AI5" s="74" t="s">
        <v>100</v>
      </c>
      <c r="AJ5" s="72"/>
      <c r="AK5" s="71" t="s">
        <v>84</v>
      </c>
      <c r="AL5" s="75"/>
      <c r="AM5" s="71" t="s">
        <v>84</v>
      </c>
      <c r="AN5" s="71" t="s">
        <v>141</v>
      </c>
      <c r="AO5" s="71" t="s">
        <v>83</v>
      </c>
      <c r="AP5" s="75"/>
      <c r="AQ5" s="71" t="s">
        <v>141</v>
      </c>
      <c r="AR5" s="71" t="s">
        <v>83</v>
      </c>
      <c r="AS5" s="75"/>
      <c r="AT5" s="76" t="s">
        <v>84</v>
      </c>
      <c r="AU5" s="75"/>
      <c r="AV5" s="71" t="s">
        <v>84</v>
      </c>
      <c r="AW5" s="75"/>
      <c r="AX5" s="71" t="s">
        <v>84</v>
      </c>
      <c r="AY5" s="71" t="s">
        <v>141</v>
      </c>
      <c r="AZ5" s="71" t="s">
        <v>83</v>
      </c>
      <c r="BA5" s="77" t="s">
        <v>145</v>
      </c>
      <c r="BB5" s="131"/>
      <c r="BC5" s="132"/>
      <c r="BD5" s="132"/>
      <c r="BE5" s="127"/>
    </row>
    <row r="6" spans="1:57" ht="52.5" customHeight="1">
      <c r="A6" s="42">
        <v>1</v>
      </c>
      <c r="B6" s="16"/>
      <c r="C6" s="17"/>
      <c r="D6" s="31" t="e">
        <f>VLOOKUP(C6,$C$31:$D$77,2)</f>
        <v>#N/A</v>
      </c>
      <c r="E6" s="17"/>
      <c r="F6" s="16"/>
      <c r="G6" s="19"/>
      <c r="H6" s="16"/>
      <c r="I6" s="16"/>
      <c r="J6" s="78" t="s">
        <v>87</v>
      </c>
      <c r="K6" s="57"/>
      <c r="L6" s="32"/>
      <c r="M6" s="32"/>
      <c r="N6" s="21"/>
      <c r="O6" s="22"/>
      <c r="P6" s="33"/>
      <c r="Q6" s="44"/>
      <c r="R6" s="43" t="s">
        <v>86</v>
      </c>
      <c r="S6" s="43" t="s">
        <v>86</v>
      </c>
      <c r="T6" s="91"/>
      <c r="U6" s="19"/>
      <c r="V6" s="19"/>
      <c r="W6" s="48"/>
      <c r="X6" s="19"/>
      <c r="Y6" s="48"/>
      <c r="Z6" s="19"/>
      <c r="AA6" s="24"/>
      <c r="AB6" s="24" t="s">
        <v>86</v>
      </c>
      <c r="AC6" s="24"/>
      <c r="AD6" s="24"/>
      <c r="AE6" s="24"/>
      <c r="AF6" s="24"/>
      <c r="AG6" s="24"/>
      <c r="AH6" s="79"/>
      <c r="AI6" s="79"/>
      <c r="AJ6" s="24"/>
      <c r="AK6" s="79"/>
      <c r="AL6" s="24"/>
      <c r="AM6" s="79"/>
      <c r="AN6" s="24" t="s">
        <v>86</v>
      </c>
      <c r="AO6" s="24" t="s">
        <v>86</v>
      </c>
      <c r="AP6" s="24"/>
      <c r="AQ6" s="24" t="s">
        <v>86</v>
      </c>
      <c r="AR6" s="24" t="s">
        <v>86</v>
      </c>
      <c r="AS6" s="24"/>
      <c r="AT6" s="79"/>
      <c r="AU6" s="24"/>
      <c r="AV6" s="79"/>
      <c r="AW6" s="24"/>
      <c r="AX6" s="79"/>
      <c r="AY6" s="24" t="s">
        <v>86</v>
      </c>
      <c r="AZ6" s="24" t="s">
        <v>86</v>
      </c>
      <c r="BA6" s="24"/>
      <c r="BB6" s="19"/>
      <c r="BC6" s="19"/>
      <c r="BD6" s="19"/>
      <c r="BE6" s="58"/>
    </row>
    <row r="7" spans="1:57" ht="52.5" customHeight="1">
      <c r="A7" s="42">
        <v>2</v>
      </c>
      <c r="B7" s="16"/>
      <c r="C7" s="17"/>
      <c r="D7" s="31" t="e">
        <f t="shared" ref="D7:D20" si="0">VLOOKUP(C7,$C$31:$D$77,2)</f>
        <v>#N/A</v>
      </c>
      <c r="E7" s="17"/>
      <c r="F7" s="16"/>
      <c r="G7" s="19"/>
      <c r="H7" s="16"/>
      <c r="I7" s="16"/>
      <c r="J7" s="78" t="s">
        <v>87</v>
      </c>
      <c r="K7" s="57"/>
      <c r="L7" s="32"/>
      <c r="M7" s="32"/>
      <c r="N7" s="21"/>
      <c r="O7" s="22"/>
      <c r="P7" s="33"/>
      <c r="Q7" s="44"/>
      <c r="R7" s="43" t="s">
        <v>86</v>
      </c>
      <c r="S7" s="43" t="s">
        <v>86</v>
      </c>
      <c r="T7" s="43"/>
      <c r="U7" s="19"/>
      <c r="V7" s="19"/>
      <c r="W7" s="48"/>
      <c r="X7" s="19"/>
      <c r="Y7" s="48"/>
      <c r="Z7" s="19"/>
      <c r="AA7" s="24"/>
      <c r="AB7" s="24" t="s">
        <v>86</v>
      </c>
      <c r="AC7" s="24"/>
      <c r="AD7" s="24"/>
      <c r="AE7" s="24"/>
      <c r="AF7" s="24"/>
      <c r="AG7" s="24"/>
      <c r="AH7" s="79"/>
      <c r="AI7" s="79"/>
      <c r="AJ7" s="24"/>
      <c r="AK7" s="79"/>
      <c r="AL7" s="24"/>
      <c r="AM7" s="79"/>
      <c r="AN7" s="24" t="s">
        <v>86</v>
      </c>
      <c r="AO7" s="24" t="s">
        <v>86</v>
      </c>
      <c r="AP7" s="24"/>
      <c r="AQ7" s="24" t="s">
        <v>86</v>
      </c>
      <c r="AR7" s="24" t="s">
        <v>86</v>
      </c>
      <c r="AS7" s="24"/>
      <c r="AT7" s="79"/>
      <c r="AU7" s="24"/>
      <c r="AV7" s="79"/>
      <c r="AW7" s="24"/>
      <c r="AX7" s="79"/>
      <c r="AY7" s="24" t="s">
        <v>86</v>
      </c>
      <c r="AZ7" s="24" t="s">
        <v>86</v>
      </c>
      <c r="BA7" s="24"/>
      <c r="BB7" s="19"/>
      <c r="BC7" s="19"/>
      <c r="BD7" s="19"/>
      <c r="BE7" s="58"/>
    </row>
    <row r="8" spans="1:57" ht="52.5" customHeight="1">
      <c r="A8" s="42">
        <v>3</v>
      </c>
      <c r="B8" s="16"/>
      <c r="C8" s="17"/>
      <c r="D8" s="31" t="e">
        <f t="shared" si="0"/>
        <v>#N/A</v>
      </c>
      <c r="E8" s="17"/>
      <c r="F8" s="16"/>
      <c r="G8" s="19"/>
      <c r="H8" s="16"/>
      <c r="I8" s="16"/>
      <c r="J8" s="78" t="s">
        <v>87</v>
      </c>
      <c r="K8" s="57"/>
      <c r="L8" s="32"/>
      <c r="M8" s="32"/>
      <c r="N8" s="21"/>
      <c r="O8" s="22"/>
      <c r="P8" s="33"/>
      <c r="Q8" s="44"/>
      <c r="R8" s="43" t="s">
        <v>86</v>
      </c>
      <c r="S8" s="43" t="s">
        <v>86</v>
      </c>
      <c r="T8" s="43"/>
      <c r="U8" s="19"/>
      <c r="V8" s="19"/>
      <c r="W8" s="48"/>
      <c r="X8" s="19"/>
      <c r="Y8" s="48"/>
      <c r="Z8" s="19"/>
      <c r="AA8" s="24"/>
      <c r="AB8" s="24" t="s">
        <v>86</v>
      </c>
      <c r="AC8" s="24"/>
      <c r="AD8" s="24"/>
      <c r="AE8" s="24"/>
      <c r="AF8" s="24"/>
      <c r="AG8" s="24"/>
      <c r="AH8" s="79"/>
      <c r="AI8" s="79"/>
      <c r="AJ8" s="24"/>
      <c r="AK8" s="79"/>
      <c r="AL8" s="24"/>
      <c r="AM8" s="79"/>
      <c r="AN8" s="24" t="s">
        <v>86</v>
      </c>
      <c r="AO8" s="24" t="s">
        <v>86</v>
      </c>
      <c r="AP8" s="24"/>
      <c r="AQ8" s="24" t="s">
        <v>86</v>
      </c>
      <c r="AR8" s="24" t="s">
        <v>86</v>
      </c>
      <c r="AS8" s="24"/>
      <c r="AT8" s="79"/>
      <c r="AU8" s="24"/>
      <c r="AV8" s="79"/>
      <c r="AW8" s="24"/>
      <c r="AX8" s="79"/>
      <c r="AY8" s="24" t="s">
        <v>86</v>
      </c>
      <c r="AZ8" s="24" t="s">
        <v>86</v>
      </c>
      <c r="BA8" s="24"/>
      <c r="BB8" s="19"/>
      <c r="BC8" s="19"/>
      <c r="BD8" s="19"/>
      <c r="BE8" s="58"/>
    </row>
    <row r="9" spans="1:57" ht="52.5" customHeight="1">
      <c r="A9" s="42">
        <v>4</v>
      </c>
      <c r="B9" s="16"/>
      <c r="C9" s="17"/>
      <c r="D9" s="31" t="e">
        <f t="shared" si="0"/>
        <v>#N/A</v>
      </c>
      <c r="E9" s="17"/>
      <c r="F9" s="16"/>
      <c r="G9" s="19"/>
      <c r="H9" s="16"/>
      <c r="I9" s="16"/>
      <c r="J9" s="78" t="s">
        <v>87</v>
      </c>
      <c r="K9" s="57"/>
      <c r="L9" s="32"/>
      <c r="M9" s="32"/>
      <c r="N9" s="21"/>
      <c r="O9" s="22"/>
      <c r="P9" s="33"/>
      <c r="Q9" s="44"/>
      <c r="R9" s="43" t="s">
        <v>86</v>
      </c>
      <c r="S9" s="43" t="s">
        <v>86</v>
      </c>
      <c r="T9" s="43"/>
      <c r="U9" s="19"/>
      <c r="V9" s="19"/>
      <c r="W9" s="48"/>
      <c r="X9" s="19"/>
      <c r="Y9" s="48"/>
      <c r="Z9" s="19"/>
      <c r="AA9" s="24"/>
      <c r="AB9" s="24" t="s">
        <v>86</v>
      </c>
      <c r="AC9" s="24"/>
      <c r="AD9" s="24"/>
      <c r="AE9" s="24"/>
      <c r="AF9" s="24"/>
      <c r="AG9" s="24"/>
      <c r="AH9" s="79"/>
      <c r="AI9" s="79"/>
      <c r="AJ9" s="24"/>
      <c r="AK9" s="79"/>
      <c r="AL9" s="24"/>
      <c r="AM9" s="79"/>
      <c r="AN9" s="24" t="s">
        <v>86</v>
      </c>
      <c r="AO9" s="24" t="s">
        <v>86</v>
      </c>
      <c r="AP9" s="24"/>
      <c r="AQ9" s="24" t="s">
        <v>86</v>
      </c>
      <c r="AR9" s="24" t="s">
        <v>86</v>
      </c>
      <c r="AS9" s="24"/>
      <c r="AT9" s="79"/>
      <c r="AU9" s="24"/>
      <c r="AV9" s="79"/>
      <c r="AW9" s="24"/>
      <c r="AX9" s="79"/>
      <c r="AY9" s="24" t="s">
        <v>86</v>
      </c>
      <c r="AZ9" s="24" t="s">
        <v>86</v>
      </c>
      <c r="BA9" s="24"/>
      <c r="BB9" s="19"/>
      <c r="BC9" s="19"/>
      <c r="BD9" s="19"/>
      <c r="BE9" s="58"/>
    </row>
    <row r="10" spans="1:57" ht="52.5" customHeight="1">
      <c r="A10" s="42">
        <v>5</v>
      </c>
      <c r="B10" s="16"/>
      <c r="C10" s="17"/>
      <c r="D10" s="31" t="e">
        <f t="shared" si="0"/>
        <v>#N/A</v>
      </c>
      <c r="E10" s="17"/>
      <c r="F10" s="16"/>
      <c r="G10" s="19"/>
      <c r="H10" s="16"/>
      <c r="I10" s="16"/>
      <c r="J10" s="78" t="s">
        <v>87</v>
      </c>
      <c r="K10" s="57"/>
      <c r="L10" s="32"/>
      <c r="M10" s="32"/>
      <c r="N10" s="21"/>
      <c r="O10" s="22"/>
      <c r="P10" s="33"/>
      <c r="Q10" s="44"/>
      <c r="R10" s="43" t="s">
        <v>86</v>
      </c>
      <c r="S10" s="43" t="s">
        <v>86</v>
      </c>
      <c r="T10" s="43"/>
      <c r="U10" s="19"/>
      <c r="V10" s="19"/>
      <c r="W10" s="48"/>
      <c r="X10" s="19"/>
      <c r="Y10" s="48"/>
      <c r="Z10" s="19"/>
      <c r="AA10" s="24"/>
      <c r="AB10" s="24" t="s">
        <v>86</v>
      </c>
      <c r="AC10" s="24"/>
      <c r="AD10" s="24"/>
      <c r="AE10" s="24"/>
      <c r="AF10" s="24"/>
      <c r="AG10" s="24"/>
      <c r="AH10" s="79"/>
      <c r="AI10" s="79"/>
      <c r="AJ10" s="24"/>
      <c r="AK10" s="79"/>
      <c r="AL10" s="24"/>
      <c r="AM10" s="79"/>
      <c r="AN10" s="24" t="s">
        <v>86</v>
      </c>
      <c r="AO10" s="24" t="s">
        <v>86</v>
      </c>
      <c r="AP10" s="24"/>
      <c r="AQ10" s="24" t="s">
        <v>86</v>
      </c>
      <c r="AR10" s="24" t="s">
        <v>86</v>
      </c>
      <c r="AS10" s="24"/>
      <c r="AT10" s="79"/>
      <c r="AU10" s="24"/>
      <c r="AV10" s="79"/>
      <c r="AW10" s="24"/>
      <c r="AX10" s="79"/>
      <c r="AY10" s="24" t="s">
        <v>86</v>
      </c>
      <c r="AZ10" s="24" t="s">
        <v>86</v>
      </c>
      <c r="BA10" s="24"/>
      <c r="BB10" s="19"/>
      <c r="BC10" s="19"/>
      <c r="BD10" s="19"/>
      <c r="BE10" s="58"/>
    </row>
    <row r="11" spans="1:57" ht="52.5" customHeight="1">
      <c r="A11" s="42">
        <v>6</v>
      </c>
      <c r="B11" s="16"/>
      <c r="C11" s="17"/>
      <c r="D11" s="31" t="e">
        <f t="shared" si="0"/>
        <v>#N/A</v>
      </c>
      <c r="E11" s="17"/>
      <c r="F11" s="16"/>
      <c r="G11" s="19"/>
      <c r="H11" s="16"/>
      <c r="I11" s="16"/>
      <c r="J11" s="78" t="s">
        <v>87</v>
      </c>
      <c r="K11" s="57"/>
      <c r="L11" s="32"/>
      <c r="M11" s="32"/>
      <c r="N11" s="21"/>
      <c r="O11" s="22"/>
      <c r="P11" s="33"/>
      <c r="Q11" s="44"/>
      <c r="R11" s="43" t="s">
        <v>86</v>
      </c>
      <c r="S11" s="43" t="s">
        <v>86</v>
      </c>
      <c r="T11" s="43"/>
      <c r="U11" s="19"/>
      <c r="V11" s="19"/>
      <c r="W11" s="48"/>
      <c r="X11" s="19"/>
      <c r="Y11" s="48"/>
      <c r="Z11" s="19"/>
      <c r="AA11" s="24"/>
      <c r="AB11" s="24" t="s">
        <v>86</v>
      </c>
      <c r="AC11" s="24"/>
      <c r="AD11" s="24"/>
      <c r="AE11" s="24"/>
      <c r="AF11" s="24"/>
      <c r="AG11" s="24"/>
      <c r="AH11" s="79"/>
      <c r="AI11" s="79"/>
      <c r="AJ11" s="24"/>
      <c r="AK11" s="79"/>
      <c r="AL11" s="24"/>
      <c r="AM11" s="79"/>
      <c r="AN11" s="24" t="s">
        <v>86</v>
      </c>
      <c r="AO11" s="24" t="s">
        <v>86</v>
      </c>
      <c r="AP11" s="24"/>
      <c r="AQ11" s="24" t="s">
        <v>86</v>
      </c>
      <c r="AR11" s="24" t="s">
        <v>86</v>
      </c>
      <c r="AS11" s="24"/>
      <c r="AT11" s="79"/>
      <c r="AU11" s="24"/>
      <c r="AV11" s="79"/>
      <c r="AW11" s="24"/>
      <c r="AX11" s="79"/>
      <c r="AY11" s="24" t="s">
        <v>86</v>
      </c>
      <c r="AZ11" s="24" t="s">
        <v>86</v>
      </c>
      <c r="BA11" s="24"/>
      <c r="BB11" s="19"/>
      <c r="BC11" s="19"/>
      <c r="BD11" s="19"/>
      <c r="BE11" s="58"/>
    </row>
    <row r="12" spans="1:57" ht="52.5" customHeight="1">
      <c r="A12" s="42">
        <v>7</v>
      </c>
      <c r="B12" s="16"/>
      <c r="C12" s="17"/>
      <c r="D12" s="31" t="e">
        <f t="shared" si="0"/>
        <v>#N/A</v>
      </c>
      <c r="E12" s="17"/>
      <c r="F12" s="16"/>
      <c r="G12" s="19"/>
      <c r="H12" s="16"/>
      <c r="I12" s="16"/>
      <c r="J12" s="78" t="s">
        <v>87</v>
      </c>
      <c r="K12" s="57"/>
      <c r="L12" s="32"/>
      <c r="M12" s="32"/>
      <c r="N12" s="21"/>
      <c r="O12" s="22"/>
      <c r="P12" s="33"/>
      <c r="Q12" s="44"/>
      <c r="R12" s="43" t="s">
        <v>86</v>
      </c>
      <c r="S12" s="43" t="s">
        <v>86</v>
      </c>
      <c r="T12" s="43"/>
      <c r="U12" s="19"/>
      <c r="V12" s="19"/>
      <c r="W12" s="48"/>
      <c r="X12" s="19"/>
      <c r="Y12" s="48"/>
      <c r="Z12" s="19"/>
      <c r="AA12" s="24"/>
      <c r="AB12" s="24" t="s">
        <v>86</v>
      </c>
      <c r="AC12" s="24"/>
      <c r="AD12" s="24"/>
      <c r="AE12" s="24"/>
      <c r="AF12" s="24"/>
      <c r="AG12" s="24"/>
      <c r="AH12" s="79"/>
      <c r="AI12" s="79"/>
      <c r="AJ12" s="24"/>
      <c r="AK12" s="79"/>
      <c r="AL12" s="24"/>
      <c r="AM12" s="79"/>
      <c r="AN12" s="24" t="s">
        <v>86</v>
      </c>
      <c r="AO12" s="24" t="s">
        <v>86</v>
      </c>
      <c r="AP12" s="24"/>
      <c r="AQ12" s="24" t="s">
        <v>86</v>
      </c>
      <c r="AR12" s="24" t="s">
        <v>86</v>
      </c>
      <c r="AS12" s="24"/>
      <c r="AT12" s="79"/>
      <c r="AU12" s="24"/>
      <c r="AV12" s="79"/>
      <c r="AW12" s="24"/>
      <c r="AX12" s="79"/>
      <c r="AY12" s="24" t="s">
        <v>86</v>
      </c>
      <c r="AZ12" s="24" t="s">
        <v>86</v>
      </c>
      <c r="BA12" s="24"/>
      <c r="BB12" s="19"/>
      <c r="BC12" s="19"/>
      <c r="BD12" s="19"/>
      <c r="BE12" s="58"/>
    </row>
    <row r="13" spans="1:57" ht="52.5" customHeight="1">
      <c r="A13" s="42">
        <v>8</v>
      </c>
      <c r="B13" s="16"/>
      <c r="C13" s="17"/>
      <c r="D13" s="31" t="e">
        <f t="shared" si="0"/>
        <v>#N/A</v>
      </c>
      <c r="E13" s="17"/>
      <c r="F13" s="16"/>
      <c r="G13" s="19"/>
      <c r="H13" s="16"/>
      <c r="I13" s="16"/>
      <c r="J13" s="78" t="s">
        <v>87</v>
      </c>
      <c r="K13" s="57"/>
      <c r="L13" s="32"/>
      <c r="M13" s="32"/>
      <c r="N13" s="21"/>
      <c r="O13" s="22"/>
      <c r="P13" s="33"/>
      <c r="Q13" s="44"/>
      <c r="R13" s="43" t="s">
        <v>86</v>
      </c>
      <c r="S13" s="43" t="s">
        <v>86</v>
      </c>
      <c r="T13" s="43"/>
      <c r="U13" s="19"/>
      <c r="V13" s="19"/>
      <c r="W13" s="48"/>
      <c r="X13" s="19"/>
      <c r="Y13" s="48"/>
      <c r="Z13" s="19"/>
      <c r="AA13" s="24"/>
      <c r="AB13" s="24" t="s">
        <v>86</v>
      </c>
      <c r="AC13" s="24"/>
      <c r="AD13" s="24"/>
      <c r="AE13" s="24"/>
      <c r="AF13" s="24"/>
      <c r="AG13" s="24"/>
      <c r="AH13" s="79"/>
      <c r="AI13" s="79"/>
      <c r="AJ13" s="24"/>
      <c r="AK13" s="79"/>
      <c r="AL13" s="24"/>
      <c r="AM13" s="79"/>
      <c r="AN13" s="24" t="s">
        <v>86</v>
      </c>
      <c r="AO13" s="24" t="s">
        <v>86</v>
      </c>
      <c r="AP13" s="24"/>
      <c r="AQ13" s="24" t="s">
        <v>86</v>
      </c>
      <c r="AR13" s="24" t="s">
        <v>86</v>
      </c>
      <c r="AS13" s="24"/>
      <c r="AT13" s="79"/>
      <c r="AU13" s="24"/>
      <c r="AV13" s="79"/>
      <c r="AW13" s="24"/>
      <c r="AX13" s="79"/>
      <c r="AY13" s="24" t="s">
        <v>86</v>
      </c>
      <c r="AZ13" s="24" t="s">
        <v>86</v>
      </c>
      <c r="BA13" s="24"/>
      <c r="BB13" s="19"/>
      <c r="BC13" s="19"/>
      <c r="BD13" s="19"/>
      <c r="BE13" s="58"/>
    </row>
    <row r="14" spans="1:57" ht="52.5" customHeight="1">
      <c r="A14" s="42">
        <v>9</v>
      </c>
      <c r="B14" s="16"/>
      <c r="C14" s="17"/>
      <c r="D14" s="31" t="e">
        <f t="shared" si="0"/>
        <v>#N/A</v>
      </c>
      <c r="E14" s="17"/>
      <c r="F14" s="16"/>
      <c r="G14" s="19"/>
      <c r="H14" s="16"/>
      <c r="I14" s="16"/>
      <c r="J14" s="78" t="s">
        <v>87</v>
      </c>
      <c r="K14" s="57"/>
      <c r="L14" s="32"/>
      <c r="M14" s="32"/>
      <c r="N14" s="21"/>
      <c r="O14" s="22"/>
      <c r="P14" s="33"/>
      <c r="Q14" s="44"/>
      <c r="R14" s="43" t="s">
        <v>86</v>
      </c>
      <c r="S14" s="43" t="s">
        <v>86</v>
      </c>
      <c r="T14" s="43"/>
      <c r="U14" s="19"/>
      <c r="V14" s="19"/>
      <c r="W14" s="48"/>
      <c r="X14" s="19"/>
      <c r="Y14" s="48"/>
      <c r="Z14" s="19"/>
      <c r="AA14" s="24"/>
      <c r="AB14" s="24" t="s">
        <v>86</v>
      </c>
      <c r="AC14" s="24"/>
      <c r="AD14" s="24"/>
      <c r="AE14" s="24"/>
      <c r="AF14" s="24"/>
      <c r="AG14" s="24"/>
      <c r="AH14" s="79"/>
      <c r="AI14" s="79"/>
      <c r="AJ14" s="24"/>
      <c r="AK14" s="79"/>
      <c r="AL14" s="24"/>
      <c r="AM14" s="79"/>
      <c r="AN14" s="24" t="s">
        <v>86</v>
      </c>
      <c r="AO14" s="24" t="s">
        <v>86</v>
      </c>
      <c r="AP14" s="24"/>
      <c r="AQ14" s="24" t="s">
        <v>86</v>
      </c>
      <c r="AR14" s="24" t="s">
        <v>86</v>
      </c>
      <c r="AS14" s="24"/>
      <c r="AT14" s="79"/>
      <c r="AU14" s="24"/>
      <c r="AV14" s="79"/>
      <c r="AW14" s="24"/>
      <c r="AX14" s="79"/>
      <c r="AY14" s="24" t="s">
        <v>86</v>
      </c>
      <c r="AZ14" s="24" t="s">
        <v>86</v>
      </c>
      <c r="BA14" s="24"/>
      <c r="BB14" s="19"/>
      <c r="BC14" s="19"/>
      <c r="BD14" s="19"/>
      <c r="BE14" s="58"/>
    </row>
    <row r="15" spans="1:57" ht="52.5" customHeight="1">
      <c r="A15" s="42">
        <v>10</v>
      </c>
      <c r="B15" s="16"/>
      <c r="C15" s="17"/>
      <c r="D15" s="31" t="e">
        <f t="shared" si="0"/>
        <v>#N/A</v>
      </c>
      <c r="E15" s="17"/>
      <c r="F15" s="16"/>
      <c r="G15" s="19"/>
      <c r="H15" s="16"/>
      <c r="I15" s="16"/>
      <c r="J15" s="78" t="s">
        <v>87</v>
      </c>
      <c r="K15" s="57"/>
      <c r="L15" s="32"/>
      <c r="M15" s="32"/>
      <c r="N15" s="21"/>
      <c r="O15" s="22"/>
      <c r="P15" s="33"/>
      <c r="Q15" s="44"/>
      <c r="R15" s="43" t="s">
        <v>86</v>
      </c>
      <c r="S15" s="43" t="s">
        <v>86</v>
      </c>
      <c r="T15" s="43"/>
      <c r="U15" s="19"/>
      <c r="V15" s="19"/>
      <c r="W15" s="48"/>
      <c r="X15" s="19"/>
      <c r="Y15" s="48"/>
      <c r="Z15" s="19"/>
      <c r="AA15" s="24"/>
      <c r="AB15" s="24" t="s">
        <v>86</v>
      </c>
      <c r="AC15" s="24"/>
      <c r="AD15" s="24"/>
      <c r="AE15" s="24"/>
      <c r="AF15" s="24"/>
      <c r="AG15" s="24"/>
      <c r="AH15" s="79"/>
      <c r="AI15" s="79"/>
      <c r="AJ15" s="24"/>
      <c r="AK15" s="79"/>
      <c r="AL15" s="24"/>
      <c r="AM15" s="79"/>
      <c r="AN15" s="24" t="s">
        <v>86</v>
      </c>
      <c r="AO15" s="24" t="s">
        <v>86</v>
      </c>
      <c r="AP15" s="24"/>
      <c r="AQ15" s="24" t="s">
        <v>86</v>
      </c>
      <c r="AR15" s="24" t="s">
        <v>86</v>
      </c>
      <c r="AS15" s="24"/>
      <c r="AT15" s="79"/>
      <c r="AU15" s="24"/>
      <c r="AV15" s="79"/>
      <c r="AW15" s="24"/>
      <c r="AX15" s="79"/>
      <c r="AY15" s="24" t="s">
        <v>86</v>
      </c>
      <c r="AZ15" s="24" t="s">
        <v>86</v>
      </c>
      <c r="BA15" s="24"/>
      <c r="BB15" s="19"/>
      <c r="BC15" s="19"/>
      <c r="BD15" s="19"/>
      <c r="BE15" s="58"/>
    </row>
    <row r="16" spans="1:57" ht="52.5" customHeight="1">
      <c r="A16" s="42">
        <v>11</v>
      </c>
      <c r="B16" s="16"/>
      <c r="C16" s="17"/>
      <c r="D16" s="31" t="e">
        <f t="shared" si="0"/>
        <v>#N/A</v>
      </c>
      <c r="E16" s="17"/>
      <c r="F16" s="16"/>
      <c r="G16" s="19"/>
      <c r="H16" s="16"/>
      <c r="I16" s="16"/>
      <c r="J16" s="78" t="s">
        <v>87</v>
      </c>
      <c r="K16" s="57"/>
      <c r="L16" s="32"/>
      <c r="M16" s="32"/>
      <c r="N16" s="21"/>
      <c r="O16" s="22"/>
      <c r="P16" s="33"/>
      <c r="Q16" s="44"/>
      <c r="R16" s="43" t="s">
        <v>86</v>
      </c>
      <c r="S16" s="43" t="s">
        <v>86</v>
      </c>
      <c r="T16" s="43"/>
      <c r="U16" s="19"/>
      <c r="V16" s="19"/>
      <c r="W16" s="48"/>
      <c r="X16" s="19"/>
      <c r="Y16" s="48"/>
      <c r="Z16" s="19"/>
      <c r="AA16" s="24"/>
      <c r="AB16" s="24" t="s">
        <v>86</v>
      </c>
      <c r="AC16" s="24"/>
      <c r="AD16" s="24"/>
      <c r="AE16" s="24"/>
      <c r="AF16" s="24"/>
      <c r="AG16" s="24"/>
      <c r="AH16" s="79"/>
      <c r="AI16" s="79"/>
      <c r="AJ16" s="24"/>
      <c r="AK16" s="79"/>
      <c r="AL16" s="24"/>
      <c r="AM16" s="79"/>
      <c r="AN16" s="24" t="s">
        <v>86</v>
      </c>
      <c r="AO16" s="24" t="s">
        <v>86</v>
      </c>
      <c r="AP16" s="24"/>
      <c r="AQ16" s="24" t="s">
        <v>86</v>
      </c>
      <c r="AR16" s="24" t="s">
        <v>86</v>
      </c>
      <c r="AS16" s="24"/>
      <c r="AT16" s="79"/>
      <c r="AU16" s="24"/>
      <c r="AV16" s="79"/>
      <c r="AW16" s="24"/>
      <c r="AX16" s="79"/>
      <c r="AY16" s="24" t="s">
        <v>86</v>
      </c>
      <c r="AZ16" s="24" t="s">
        <v>86</v>
      </c>
      <c r="BA16" s="24"/>
      <c r="BB16" s="19"/>
      <c r="BC16" s="19"/>
      <c r="BD16" s="19"/>
      <c r="BE16" s="58"/>
    </row>
    <row r="17" spans="1:57" ht="52.5" customHeight="1">
      <c r="A17" s="42">
        <v>12</v>
      </c>
      <c r="B17" s="16"/>
      <c r="C17" s="17"/>
      <c r="D17" s="31" t="e">
        <f t="shared" si="0"/>
        <v>#N/A</v>
      </c>
      <c r="E17" s="17"/>
      <c r="F17" s="16"/>
      <c r="G17" s="19"/>
      <c r="H17" s="16"/>
      <c r="I17" s="16"/>
      <c r="J17" s="78" t="s">
        <v>87</v>
      </c>
      <c r="K17" s="57"/>
      <c r="L17" s="32"/>
      <c r="M17" s="32"/>
      <c r="N17" s="21"/>
      <c r="O17" s="22"/>
      <c r="P17" s="33"/>
      <c r="Q17" s="44"/>
      <c r="R17" s="43" t="s">
        <v>86</v>
      </c>
      <c r="S17" s="43" t="s">
        <v>86</v>
      </c>
      <c r="T17" s="43"/>
      <c r="U17" s="19"/>
      <c r="V17" s="19"/>
      <c r="W17" s="48"/>
      <c r="X17" s="19"/>
      <c r="Y17" s="48"/>
      <c r="Z17" s="19"/>
      <c r="AA17" s="24"/>
      <c r="AB17" s="24" t="s">
        <v>86</v>
      </c>
      <c r="AC17" s="24"/>
      <c r="AD17" s="24"/>
      <c r="AE17" s="24"/>
      <c r="AF17" s="24"/>
      <c r="AG17" s="24"/>
      <c r="AH17" s="79"/>
      <c r="AI17" s="79"/>
      <c r="AJ17" s="24"/>
      <c r="AK17" s="79"/>
      <c r="AL17" s="24"/>
      <c r="AM17" s="79"/>
      <c r="AN17" s="24" t="s">
        <v>86</v>
      </c>
      <c r="AO17" s="24" t="s">
        <v>86</v>
      </c>
      <c r="AP17" s="24"/>
      <c r="AQ17" s="24" t="s">
        <v>86</v>
      </c>
      <c r="AR17" s="24" t="s">
        <v>86</v>
      </c>
      <c r="AS17" s="24"/>
      <c r="AT17" s="79"/>
      <c r="AU17" s="24"/>
      <c r="AV17" s="79"/>
      <c r="AW17" s="24"/>
      <c r="AX17" s="79"/>
      <c r="AY17" s="24" t="s">
        <v>86</v>
      </c>
      <c r="AZ17" s="24" t="s">
        <v>86</v>
      </c>
      <c r="BA17" s="24"/>
      <c r="BB17" s="19"/>
      <c r="BC17" s="19"/>
      <c r="BD17" s="19"/>
      <c r="BE17" s="58"/>
    </row>
    <row r="18" spans="1:57" ht="52.5" customHeight="1">
      <c r="A18" s="42">
        <v>13</v>
      </c>
      <c r="B18" s="16"/>
      <c r="C18" s="17"/>
      <c r="D18" s="31" t="e">
        <f t="shared" si="0"/>
        <v>#N/A</v>
      </c>
      <c r="E18" s="17"/>
      <c r="F18" s="16"/>
      <c r="G18" s="19"/>
      <c r="H18" s="16"/>
      <c r="I18" s="16"/>
      <c r="J18" s="78" t="s">
        <v>87</v>
      </c>
      <c r="K18" s="57"/>
      <c r="L18" s="32"/>
      <c r="M18" s="32"/>
      <c r="N18" s="21"/>
      <c r="O18" s="22"/>
      <c r="P18" s="33"/>
      <c r="Q18" s="44"/>
      <c r="R18" s="43" t="s">
        <v>86</v>
      </c>
      <c r="S18" s="43" t="s">
        <v>86</v>
      </c>
      <c r="T18" s="43"/>
      <c r="U18" s="19"/>
      <c r="V18" s="19"/>
      <c r="W18" s="48"/>
      <c r="X18" s="19"/>
      <c r="Y18" s="48"/>
      <c r="Z18" s="19"/>
      <c r="AA18" s="24"/>
      <c r="AB18" s="24" t="s">
        <v>86</v>
      </c>
      <c r="AC18" s="24"/>
      <c r="AD18" s="24"/>
      <c r="AE18" s="24"/>
      <c r="AF18" s="24"/>
      <c r="AG18" s="24"/>
      <c r="AH18" s="79"/>
      <c r="AI18" s="79"/>
      <c r="AJ18" s="24"/>
      <c r="AK18" s="79"/>
      <c r="AL18" s="24"/>
      <c r="AM18" s="79"/>
      <c r="AN18" s="24" t="s">
        <v>86</v>
      </c>
      <c r="AO18" s="24" t="s">
        <v>86</v>
      </c>
      <c r="AP18" s="24"/>
      <c r="AQ18" s="24" t="s">
        <v>86</v>
      </c>
      <c r="AR18" s="24" t="s">
        <v>86</v>
      </c>
      <c r="AS18" s="24"/>
      <c r="AT18" s="79"/>
      <c r="AU18" s="24"/>
      <c r="AV18" s="79"/>
      <c r="AW18" s="24"/>
      <c r="AX18" s="79"/>
      <c r="AY18" s="24" t="s">
        <v>86</v>
      </c>
      <c r="AZ18" s="24" t="s">
        <v>86</v>
      </c>
      <c r="BA18" s="24"/>
      <c r="BB18" s="19"/>
      <c r="BC18" s="19"/>
      <c r="BD18" s="19"/>
      <c r="BE18" s="58"/>
    </row>
    <row r="19" spans="1:57" ht="52.5" customHeight="1">
      <c r="A19" s="42">
        <v>14</v>
      </c>
      <c r="B19" s="16"/>
      <c r="C19" s="17"/>
      <c r="D19" s="31" t="e">
        <f t="shared" si="0"/>
        <v>#N/A</v>
      </c>
      <c r="E19" s="17"/>
      <c r="F19" s="16"/>
      <c r="G19" s="19"/>
      <c r="H19" s="16"/>
      <c r="I19" s="16"/>
      <c r="J19" s="78" t="s">
        <v>87</v>
      </c>
      <c r="K19" s="57"/>
      <c r="L19" s="32"/>
      <c r="M19" s="32"/>
      <c r="N19" s="21"/>
      <c r="O19" s="22"/>
      <c r="P19" s="33"/>
      <c r="Q19" s="44"/>
      <c r="R19" s="43" t="s">
        <v>86</v>
      </c>
      <c r="S19" s="43" t="s">
        <v>86</v>
      </c>
      <c r="T19" s="43"/>
      <c r="U19" s="19"/>
      <c r="V19" s="19"/>
      <c r="W19" s="48"/>
      <c r="X19" s="19"/>
      <c r="Y19" s="48"/>
      <c r="Z19" s="19"/>
      <c r="AA19" s="24"/>
      <c r="AB19" s="24" t="s">
        <v>86</v>
      </c>
      <c r="AC19" s="24"/>
      <c r="AD19" s="24"/>
      <c r="AE19" s="24"/>
      <c r="AF19" s="24"/>
      <c r="AG19" s="24"/>
      <c r="AH19" s="79"/>
      <c r="AI19" s="79"/>
      <c r="AJ19" s="24"/>
      <c r="AK19" s="79"/>
      <c r="AL19" s="24"/>
      <c r="AM19" s="79"/>
      <c r="AN19" s="24" t="s">
        <v>86</v>
      </c>
      <c r="AO19" s="24" t="s">
        <v>86</v>
      </c>
      <c r="AP19" s="24"/>
      <c r="AQ19" s="24" t="s">
        <v>86</v>
      </c>
      <c r="AR19" s="24" t="s">
        <v>86</v>
      </c>
      <c r="AS19" s="24"/>
      <c r="AT19" s="79"/>
      <c r="AU19" s="24"/>
      <c r="AV19" s="79"/>
      <c r="AW19" s="24"/>
      <c r="AX19" s="79"/>
      <c r="AY19" s="24" t="s">
        <v>86</v>
      </c>
      <c r="AZ19" s="24" t="s">
        <v>86</v>
      </c>
      <c r="BA19" s="24"/>
      <c r="BB19" s="19"/>
      <c r="BC19" s="19"/>
      <c r="BD19" s="19"/>
      <c r="BE19" s="58"/>
    </row>
    <row r="20" spans="1:57" ht="52.5" customHeight="1">
      <c r="A20" s="42">
        <v>15</v>
      </c>
      <c r="B20" s="16"/>
      <c r="C20" s="17"/>
      <c r="D20" s="31" t="e">
        <f t="shared" si="0"/>
        <v>#N/A</v>
      </c>
      <c r="E20" s="17"/>
      <c r="F20" s="16"/>
      <c r="G20" s="19"/>
      <c r="H20" s="16"/>
      <c r="I20" s="16"/>
      <c r="J20" s="78" t="s">
        <v>87</v>
      </c>
      <c r="K20" s="57"/>
      <c r="L20" s="32"/>
      <c r="M20" s="32"/>
      <c r="N20" s="21"/>
      <c r="O20" s="22"/>
      <c r="P20" s="33"/>
      <c r="Q20" s="44"/>
      <c r="R20" s="43" t="s">
        <v>86</v>
      </c>
      <c r="S20" s="43" t="s">
        <v>86</v>
      </c>
      <c r="T20" s="43"/>
      <c r="U20" s="19"/>
      <c r="V20" s="19"/>
      <c r="W20" s="48"/>
      <c r="X20" s="19"/>
      <c r="Y20" s="48"/>
      <c r="Z20" s="19"/>
      <c r="AA20" s="24"/>
      <c r="AB20" s="24" t="s">
        <v>86</v>
      </c>
      <c r="AC20" s="24"/>
      <c r="AD20" s="24"/>
      <c r="AE20" s="24"/>
      <c r="AF20" s="24"/>
      <c r="AG20" s="24"/>
      <c r="AH20" s="79"/>
      <c r="AI20" s="79"/>
      <c r="AJ20" s="24"/>
      <c r="AK20" s="79"/>
      <c r="AL20" s="24"/>
      <c r="AM20" s="79"/>
      <c r="AN20" s="24" t="s">
        <v>86</v>
      </c>
      <c r="AO20" s="24" t="s">
        <v>86</v>
      </c>
      <c r="AP20" s="24"/>
      <c r="AQ20" s="24" t="s">
        <v>86</v>
      </c>
      <c r="AR20" s="24" t="s">
        <v>86</v>
      </c>
      <c r="AS20" s="24"/>
      <c r="AT20" s="79"/>
      <c r="AU20" s="24"/>
      <c r="AV20" s="79"/>
      <c r="AW20" s="24"/>
      <c r="AX20" s="79"/>
      <c r="AY20" s="24" t="s">
        <v>86</v>
      </c>
      <c r="AZ20" s="24" t="s">
        <v>86</v>
      </c>
      <c r="BA20" s="24"/>
      <c r="BB20" s="19"/>
      <c r="BC20" s="19"/>
      <c r="BD20" s="19"/>
      <c r="BE20" s="58"/>
    </row>
    <row r="21" spans="1:57" s="13" customFormat="1" ht="20.25" customHeight="1">
      <c r="A21" s="25" t="s">
        <v>7</v>
      </c>
      <c r="Y21" s="45"/>
    </row>
    <row r="22" spans="1:57" s="13" customFormat="1" ht="20.25" customHeight="1">
      <c r="A22" s="13" t="s">
        <v>4</v>
      </c>
    </row>
    <row r="23" spans="1:57" s="13" customFormat="1" ht="20.25" customHeight="1">
      <c r="A23" s="27" t="s">
        <v>32</v>
      </c>
    </row>
    <row r="24" spans="1:57" s="13" customFormat="1" ht="20.25" customHeight="1">
      <c r="A24" s="13" t="s">
        <v>210</v>
      </c>
    </row>
    <row r="25" spans="1:57" s="13" customFormat="1" ht="20.25" customHeight="1">
      <c r="A25" s="13" t="s">
        <v>137</v>
      </c>
      <c r="U25" s="5"/>
      <c r="V25" s="5"/>
      <c r="W25" s="5"/>
      <c r="X25" s="5"/>
      <c r="Y25" s="5"/>
      <c r="Z25" s="5"/>
    </row>
    <row r="26" spans="1:57" s="13" customFormat="1" ht="20.25" customHeight="1">
      <c r="A26" s="26"/>
      <c r="U26" s="5"/>
      <c r="V26" s="5"/>
      <c r="W26" s="5"/>
      <c r="X26" s="5"/>
      <c r="Y26" s="5"/>
      <c r="Z26" s="5"/>
    </row>
    <row r="31" spans="1:57" ht="18.75">
      <c r="C31" s="34">
        <v>1</v>
      </c>
      <c r="D31" s="35" t="s">
        <v>35</v>
      </c>
      <c r="G31" s="36"/>
    </row>
    <row r="32" spans="1:57" ht="18.75">
      <c r="C32" s="34">
        <v>2</v>
      </c>
      <c r="D32" s="35" t="s">
        <v>36</v>
      </c>
      <c r="G32" s="36"/>
    </row>
    <row r="33" spans="3:9" ht="18.75">
      <c r="C33" s="34">
        <v>3</v>
      </c>
      <c r="D33" s="35" t="s">
        <v>37</v>
      </c>
      <c r="G33" s="36"/>
    </row>
    <row r="34" spans="3:9" ht="18.75">
      <c r="C34" s="34">
        <v>4</v>
      </c>
      <c r="D34" s="35" t="s">
        <v>38</v>
      </c>
      <c r="G34" s="36"/>
    </row>
    <row r="35" spans="3:9" ht="18.75">
      <c r="C35" s="34">
        <v>5</v>
      </c>
      <c r="D35" s="35" t="s">
        <v>39</v>
      </c>
      <c r="G35" s="36"/>
    </row>
    <row r="36" spans="3:9" ht="18.75">
      <c r="C36" s="34">
        <v>6</v>
      </c>
      <c r="D36" s="37" t="s">
        <v>40</v>
      </c>
      <c r="G36" s="81" t="s">
        <v>26</v>
      </c>
      <c r="I36" s="39" t="s">
        <v>154</v>
      </c>
    </row>
    <row r="37" spans="3:9" ht="18.75">
      <c r="C37" s="34">
        <v>7</v>
      </c>
      <c r="D37" s="37" t="s">
        <v>41</v>
      </c>
      <c r="G37" s="82" t="s">
        <v>23</v>
      </c>
      <c r="I37" s="39" t="s">
        <v>155</v>
      </c>
    </row>
    <row r="38" spans="3:9" ht="18.75">
      <c r="C38" s="34">
        <v>8</v>
      </c>
      <c r="D38" s="35" t="s">
        <v>42</v>
      </c>
      <c r="G38" s="82" t="s">
        <v>22</v>
      </c>
      <c r="I38" s="39" t="s">
        <v>156</v>
      </c>
    </row>
    <row r="39" spans="3:9" ht="18.75">
      <c r="C39" s="34">
        <v>9</v>
      </c>
      <c r="D39" s="35" t="s">
        <v>43</v>
      </c>
      <c r="G39" s="82" t="s">
        <v>25</v>
      </c>
      <c r="I39" s="39" t="s">
        <v>157</v>
      </c>
    </row>
    <row r="40" spans="3:9" ht="18.75">
      <c r="C40" s="34">
        <v>10</v>
      </c>
      <c r="D40" s="35" t="s">
        <v>44</v>
      </c>
      <c r="G40" s="82" t="s">
        <v>21</v>
      </c>
      <c r="I40" s="40" t="s">
        <v>158</v>
      </c>
    </row>
    <row r="41" spans="3:9" ht="18.75">
      <c r="C41" s="34">
        <v>11</v>
      </c>
      <c r="D41" s="35" t="s">
        <v>45</v>
      </c>
      <c r="G41" s="82" t="s">
        <v>24</v>
      </c>
      <c r="I41" s="40" t="s">
        <v>153</v>
      </c>
    </row>
    <row r="42" spans="3:9" ht="18.75">
      <c r="C42" s="34">
        <v>12</v>
      </c>
      <c r="D42" s="35" t="s">
        <v>46</v>
      </c>
      <c r="G42" s="82" t="s">
        <v>20</v>
      </c>
    </row>
    <row r="43" spans="3:9" ht="18.75">
      <c r="C43" s="34">
        <v>13</v>
      </c>
      <c r="D43" s="35" t="s">
        <v>47</v>
      </c>
      <c r="G43" s="82" t="s">
        <v>19</v>
      </c>
    </row>
    <row r="44" spans="3:9" ht="18.75">
      <c r="C44" s="34">
        <v>14</v>
      </c>
      <c r="D44" s="35" t="s">
        <v>48</v>
      </c>
      <c r="G44" s="82" t="s">
        <v>18</v>
      </c>
    </row>
    <row r="45" spans="3:9" ht="18.75">
      <c r="C45" s="34">
        <v>15</v>
      </c>
      <c r="D45" s="35" t="s">
        <v>49</v>
      </c>
      <c r="G45" s="82" t="s">
        <v>17</v>
      </c>
    </row>
    <row r="46" spans="3:9" ht="18.75">
      <c r="C46" s="34">
        <v>16</v>
      </c>
      <c r="D46" s="35" t="s">
        <v>50</v>
      </c>
      <c r="G46" s="82" t="s">
        <v>16</v>
      </c>
    </row>
    <row r="47" spans="3:9" ht="18.75">
      <c r="C47" s="34">
        <v>17</v>
      </c>
      <c r="D47" s="35" t="s">
        <v>51</v>
      </c>
      <c r="G47" s="82" t="s">
        <v>15</v>
      </c>
    </row>
    <row r="48" spans="3:9" ht="18.75">
      <c r="C48" s="34">
        <v>18</v>
      </c>
      <c r="D48" s="35" t="s">
        <v>52</v>
      </c>
      <c r="G48" s="82" t="s">
        <v>14</v>
      </c>
    </row>
    <row r="49" spans="3:7" ht="18.75">
      <c r="C49" s="34">
        <v>19</v>
      </c>
      <c r="D49" s="35" t="s">
        <v>53</v>
      </c>
      <c r="G49" s="82" t="s">
        <v>33</v>
      </c>
    </row>
    <row r="50" spans="3:7" ht="18.75">
      <c r="C50" s="34">
        <v>20</v>
      </c>
      <c r="D50" s="35" t="s">
        <v>54</v>
      </c>
      <c r="G50" s="82" t="s">
        <v>13</v>
      </c>
    </row>
    <row r="51" spans="3:7" ht="18.75">
      <c r="C51" s="34">
        <v>21</v>
      </c>
      <c r="D51" s="35" t="s">
        <v>55</v>
      </c>
      <c r="G51" s="82" t="s">
        <v>12</v>
      </c>
    </row>
    <row r="52" spans="3:7" ht="18.75">
      <c r="C52" s="34">
        <v>22</v>
      </c>
      <c r="D52" s="35" t="s">
        <v>56</v>
      </c>
    </row>
    <row r="53" spans="3:7" ht="18.75">
      <c r="C53" s="34">
        <v>23</v>
      </c>
      <c r="D53" s="35" t="s">
        <v>57</v>
      </c>
    </row>
    <row r="54" spans="3:7" ht="18.75">
      <c r="C54" s="34">
        <v>24</v>
      </c>
      <c r="D54" s="35" t="s">
        <v>58</v>
      </c>
    </row>
    <row r="55" spans="3:7" ht="18.75">
      <c r="C55" s="34">
        <v>25</v>
      </c>
      <c r="D55" s="35" t="s">
        <v>59</v>
      </c>
    </row>
    <row r="56" spans="3:7" ht="18.75">
      <c r="C56" s="34">
        <v>26</v>
      </c>
      <c r="D56" s="35" t="s">
        <v>60</v>
      </c>
    </row>
    <row r="57" spans="3:7" ht="18.75">
      <c r="C57" s="34">
        <v>27</v>
      </c>
      <c r="D57" s="35" t="s">
        <v>61</v>
      </c>
    </row>
    <row r="58" spans="3:7" ht="18.75">
      <c r="C58" s="34">
        <v>28</v>
      </c>
      <c r="D58" s="35" t="s">
        <v>62</v>
      </c>
    </row>
    <row r="59" spans="3:7" ht="18.75">
      <c r="C59" s="34">
        <v>29</v>
      </c>
      <c r="D59" s="35" t="s">
        <v>63</v>
      </c>
    </row>
    <row r="60" spans="3:7" ht="18.75">
      <c r="C60" s="34">
        <v>30</v>
      </c>
      <c r="D60" s="35" t="s">
        <v>64</v>
      </c>
    </row>
    <row r="61" spans="3:7" ht="18.75">
      <c r="C61" s="34">
        <v>31</v>
      </c>
      <c r="D61" s="35" t="s">
        <v>65</v>
      </c>
    </row>
    <row r="62" spans="3:7" ht="18.75">
      <c r="C62" s="34">
        <v>32</v>
      </c>
      <c r="D62" s="35" t="s">
        <v>66</v>
      </c>
    </row>
    <row r="63" spans="3:7" ht="18.75">
      <c r="C63" s="34">
        <v>33</v>
      </c>
      <c r="D63" s="35" t="s">
        <v>67</v>
      </c>
    </row>
    <row r="64" spans="3:7" ht="18.75">
      <c r="C64" s="34">
        <v>34</v>
      </c>
      <c r="D64" s="35" t="s">
        <v>68</v>
      </c>
    </row>
    <row r="65" spans="3:4" ht="18.75">
      <c r="C65" s="34">
        <v>35</v>
      </c>
      <c r="D65" s="35" t="s">
        <v>69</v>
      </c>
    </row>
    <row r="66" spans="3:4" ht="18.75">
      <c r="C66" s="34">
        <v>36</v>
      </c>
      <c r="D66" s="35" t="s">
        <v>70</v>
      </c>
    </row>
    <row r="67" spans="3:4" ht="18.75">
      <c r="C67" s="34">
        <v>37</v>
      </c>
      <c r="D67" s="35" t="s">
        <v>71</v>
      </c>
    </row>
    <row r="68" spans="3:4" ht="18.75">
      <c r="C68" s="34">
        <v>38</v>
      </c>
      <c r="D68" s="35" t="s">
        <v>72</v>
      </c>
    </row>
    <row r="69" spans="3:4" ht="18.75">
      <c r="C69" s="34">
        <v>39</v>
      </c>
      <c r="D69" s="35" t="s">
        <v>73</v>
      </c>
    </row>
    <row r="70" spans="3:4" ht="18.75">
      <c r="C70" s="34">
        <v>40</v>
      </c>
      <c r="D70" s="35" t="s">
        <v>74</v>
      </c>
    </row>
    <row r="71" spans="3:4" ht="18.75">
      <c r="C71" s="34">
        <v>41</v>
      </c>
      <c r="D71" s="35" t="s">
        <v>75</v>
      </c>
    </row>
    <row r="72" spans="3:4" ht="18.75">
      <c r="C72" s="34">
        <v>42</v>
      </c>
      <c r="D72" s="35" t="s">
        <v>76</v>
      </c>
    </row>
    <row r="73" spans="3:4" ht="18.75">
      <c r="C73" s="34">
        <v>43</v>
      </c>
      <c r="D73" s="35" t="s">
        <v>77</v>
      </c>
    </row>
    <row r="74" spans="3:4" ht="18.75">
      <c r="C74" s="34">
        <v>44</v>
      </c>
      <c r="D74" s="35" t="s">
        <v>78</v>
      </c>
    </row>
    <row r="75" spans="3:4" ht="18.75">
      <c r="C75" s="34">
        <v>45</v>
      </c>
      <c r="D75" s="35" t="s">
        <v>79</v>
      </c>
    </row>
    <row r="76" spans="3:4" ht="18.75">
      <c r="C76" s="34">
        <v>46</v>
      </c>
      <c r="D76" s="35" t="s">
        <v>80</v>
      </c>
    </row>
    <row r="77" spans="3:4" ht="18.75">
      <c r="C77" s="34">
        <v>47</v>
      </c>
      <c r="D77" s="35" t="s">
        <v>81</v>
      </c>
    </row>
  </sheetData>
  <dataConsolidate/>
  <mergeCells count="42">
    <mergeCell ref="Y3:Y5"/>
    <mergeCell ref="Z3:Z5"/>
    <mergeCell ref="W2:X2"/>
    <mergeCell ref="Y2:Z2"/>
    <mergeCell ref="P3:P5"/>
    <mergeCell ref="R3:R5"/>
    <mergeCell ref="S3:S5"/>
    <mergeCell ref="U3:U5"/>
    <mergeCell ref="T3:T5"/>
    <mergeCell ref="Q3:Q5"/>
    <mergeCell ref="W3:W5"/>
    <mergeCell ref="X3:X5"/>
    <mergeCell ref="U2:V2"/>
    <mergeCell ref="V3:V5"/>
    <mergeCell ref="BE3:BE5"/>
    <mergeCell ref="AA4:AC4"/>
    <mergeCell ref="AG4:AI4"/>
    <mergeCell ref="AL4:AO4"/>
    <mergeCell ref="BB3:BB5"/>
    <mergeCell ref="BC3:BC5"/>
    <mergeCell ref="BD3:BD5"/>
    <mergeCell ref="AA3:BA3"/>
    <mergeCell ref="AS4:AT4"/>
    <mergeCell ref="AU4:AV4"/>
    <mergeCell ref="AW4:AZ4"/>
    <mergeCell ref="AP4:AR4"/>
    <mergeCell ref="AJ4:AK4"/>
    <mergeCell ref="F3:F5"/>
    <mergeCell ref="I3:I5"/>
    <mergeCell ref="A3:A5"/>
    <mergeCell ref="B3:B5"/>
    <mergeCell ref="C3:C5"/>
    <mergeCell ref="D3:D5"/>
    <mergeCell ref="E3:E5"/>
    <mergeCell ref="G3:G5"/>
    <mergeCell ref="H3:H5"/>
    <mergeCell ref="O3:O5"/>
    <mergeCell ref="J3:J5"/>
    <mergeCell ref="K3:K5"/>
    <mergeCell ref="L3:L5"/>
    <mergeCell ref="M3:M5"/>
    <mergeCell ref="N3:N5"/>
  </mergeCells>
  <phoneticPr fontId="1"/>
  <dataValidations xWindow="875" yWindow="677" count="24">
    <dataValidation type="list" allowBlank="1" showInputMessage="1" showErrorMessage="1" sqref="R6:R20">
      <formula1>"リストから選択,平屋,2階建て以上"</formula1>
    </dataValidation>
    <dataValidation type="list" showInputMessage="1" showErrorMessage="1" errorTitle="ドロップダウンリストより選択してください" sqref="AN6:AO20 AY6:AZ20 AQ6:AR20">
      <formula1>"リストから選択,有,無"</formula1>
    </dataValidation>
    <dataValidation type="list" showInputMessage="1" showErrorMessage="1" errorTitle="ドロップダウンリストより選択してください" sqref="AB6:AB20">
      <formula1>"リストから選択,急傾斜地崩壊,津波,出水,高潮,その他"</formula1>
    </dataValidation>
    <dataValidation type="list" allowBlank="1" showInputMessage="1" showErrorMessage="1" sqref="S6:S20">
      <formula1>"リストから選択, 有,無"</formula1>
    </dataValidation>
    <dataValidation showInputMessage="1" showErrorMessage="1" errorTitle="ドロップダウンリストより選択してください" sqref="AH6:AH20 AC6 AT6:AT20 AM6:AM20 AV6:AV20 AX6:AX20 AK6:AK20"/>
    <dataValidation type="list" showInputMessage="1" showErrorMessage="1" errorTitle="ドロップダウンリストより選択してください" sqref="AC7:AC20">
      <formula1>"津波,出水,高潮"</formula1>
    </dataValidation>
    <dataValidation allowBlank="1" showInputMessage="1" showErrorMessage="1" promptTitle="内示を受ける自治体名" sqref="F6:F20"/>
    <dataValidation type="list" showInputMessage="1" showErrorMessage="1" errorTitle="ドロップダウンリストより選択してください" sqref="AA6:AA20 AS6:AS20 AU6:AU20 AW6:AW20 AP6:AP20 AD6:AG20 BA6:BA20 AI6:AJ20 AL6:AL20">
      <formula1>"○"</formula1>
    </dataValidation>
    <dataValidation showInputMessage="1" showErrorMessage="1" errorTitle="ドロップダウンリストより選択してください" promptTitle="地方（実施主体）負担額の入力" prompt="地方（実施主体）負担額を入力してください。_x000a_千円未満は、小数点以下で入力てください。_x000a_（123,456円→123.456）" sqref="P6:P20"/>
    <dataValidation showInputMessage="1" showErrorMessage="1" errorTitle="ドロップダウンリストより選択してください" promptTitle="千円単位" prompt="千円単位で記載してください" sqref="L6:M20"/>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O6:O20"/>
    <dataValidation allowBlank="1" showErrorMessage="1" promptTitle="年月日を記載してください" prompt="書式設定を変更せずに、年月日を記載してください" sqref="BE6:BE20"/>
    <dataValidation type="list" allowBlank="1" showInputMessage="1" showErrorMessage="1" promptTitle="施設の種類を選択してください" sqref="G6:G20">
      <formula1>$G$36:$G$51</formula1>
    </dataValidation>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730（千円）、15,400（千円）を選択してください" sqref="N6:N20">
      <formula1>"7，730,15，400"</formula1>
    </dataValidation>
    <dataValidation type="list" showInputMessage="1" showErrorMessage="1" errorTitle="ドロップダウンリストより選択してください" sqref="J6:J20">
      <formula1>$I$36:$I$41</formula1>
    </dataValidation>
    <dataValidation type="list" errorStyle="warning" allowBlank="1" showInputMessage="1" showErrorMessage="1" errorTitle="理由書の提出が必須です。" error="併設される老人短期入所施設があるものの、按分を行わない場合は、理由書の提出が必須です。" sqref="BD6:BD20">
      <formula1>"○"</formula1>
    </dataValidation>
    <dataValidation type="list" errorStyle="warning" allowBlank="1" errorTitle="補助対象外です。" error="単なる可搬型の自家発電設備の整備は、原則補助対象外です。" prompt="単なる可搬型の自家発電設備の整備は、原則補助対象外です。" sqref="BC6:BC20">
      <formula1>"○,×"</formula1>
    </dataValidation>
    <dataValidation type="list" errorStyle="warning" allowBlank="1" showInputMessage="1" errorTitle="補助対象外です。" error="単なる可搬型の自家発電設備の整備は、原則補助対象外です。" sqref="BB6:BB20">
      <formula1>"○"</formula1>
    </dataValidation>
    <dataValidation type="list" allowBlank="1" showInputMessage="1" showErrorMessage="1" errorTitle="ドロップダウンリストより選択してください" promptTitle="避難確保計画の作成について" prompt="対象施設について避難確保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W6:W20">
      <formula1>"作成済み,作成見込み,未作成"</formula1>
    </dataValidation>
    <dataValidation type="list" allowBlank="1" showInputMessage="1" showErrorMessage="1" errorTitle="ドロップダウンリストより選択してください" promptTitle="非常災害対策計画の作成について" prompt="対象施設について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Y6:Y20">
      <formula1>"作成済み,作成見込み,未作成"</formula1>
    </dataValidation>
    <dataValidation allowBlank="1" showInputMessage="1" showErrorMessage="1" promptTitle="作成時期について" prompt="避難確保計画において「作成見込み」と回答した場合、具体的な日付を明記してください。" sqref="X6:X20"/>
    <dataValidation allowBlank="1" showInputMessage="1" showErrorMessage="1" promptTitle="作成時期について" prompt="非常災害対策計画において「作成見込み」と回答した場合、具体的な日付を明記してください。" sqref="Z6:Z20"/>
    <dataValidation allowBlank="1" showInputMessage="1" showErrorMessage="1" promptTitle="作成時期について" prompt="業務継続計画（BCP)において「作成見込み」と回答した場合、具体的な日付を明記してください。" sqref="V6:V20"/>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U6:U20">
      <formula1>"作成済み,作成見込み,未作成"</formula1>
    </dataValidation>
  </dataValidations>
  <pageMargins left="0.93" right="0.16" top="0.74803149606299213" bottom="0.74803149606299213" header="0.31496062992125984" footer="0.31496062992125984"/>
  <pageSetup paperSize="8" scale="18" fitToHeight="0" orientation="landscape" r:id="rId1"/>
  <colBreaks count="1" manualBreakCount="1">
    <brk id="26" max="25"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BF77"/>
  <sheetViews>
    <sheetView view="pageBreakPreview" zoomScale="70" zoomScaleNormal="100" zoomScaleSheetLayoutView="70" workbookViewId="0">
      <pane ySplit="5" topLeftCell="A6" activePane="bottomLeft" state="frozen"/>
      <selection activeCell="M35" sqref="M35"/>
      <selection pane="bottomLeft" activeCell="U18" sqref="U18"/>
    </sheetView>
  </sheetViews>
  <sheetFormatPr defaultColWidth="4.25" defaultRowHeight="16.5"/>
  <cols>
    <col min="1" max="1" width="6.625" style="14" customWidth="1"/>
    <col min="2" max="2" width="17" style="14" customWidth="1"/>
    <col min="3" max="5" width="21.125" style="14" customWidth="1"/>
    <col min="6" max="6" width="24.25" style="14" customWidth="1"/>
    <col min="7" max="7" width="28.5" style="14" customWidth="1"/>
    <col min="8" max="8" width="28.625" style="14" customWidth="1"/>
    <col min="9" max="9" width="35.625" style="14" customWidth="1"/>
    <col min="10" max="10" width="25.625" style="14" customWidth="1"/>
    <col min="11" max="11" width="41.25" style="14" customWidth="1"/>
    <col min="12" max="12" width="16.625" style="14" customWidth="1"/>
    <col min="13" max="14" width="19.125" style="14" customWidth="1"/>
    <col min="15" max="15" width="16.875" style="14" customWidth="1"/>
    <col min="16" max="17" width="17.25" style="14" customWidth="1"/>
    <col min="18" max="18" width="22.75" style="14" customWidth="1"/>
    <col min="19" max="20" width="23.375" style="14" customWidth="1"/>
    <col min="21" max="21" width="26.25" style="14" customWidth="1"/>
    <col min="22" max="23" width="24.125" style="5" customWidth="1"/>
    <col min="24" max="27" width="23.375" style="5" customWidth="1"/>
    <col min="28" max="28" width="16" style="14" customWidth="1"/>
    <col min="29" max="30" width="16.875" style="14" customWidth="1"/>
    <col min="31" max="33" width="20" style="14" customWidth="1"/>
    <col min="34" max="34" width="15.75" style="14" customWidth="1"/>
    <col min="35" max="36" width="16.875" style="14" customWidth="1"/>
    <col min="37" max="37" width="16" style="14" customWidth="1"/>
    <col min="38" max="38" width="16.875" style="14" customWidth="1"/>
    <col min="39" max="39" width="15.125" style="14" customWidth="1"/>
    <col min="40" max="42" width="16.875" style="14" customWidth="1"/>
    <col min="43" max="43" width="16.25" style="14" customWidth="1"/>
    <col min="44" max="45" width="16.875" style="14" customWidth="1"/>
    <col min="46" max="46" width="14.875" style="14" customWidth="1"/>
    <col min="47" max="47" width="16.875" style="14" customWidth="1"/>
    <col min="48" max="48" width="16" style="14" customWidth="1"/>
    <col min="49" max="49" width="16.875" style="14" customWidth="1"/>
    <col min="50" max="50" width="15.75" style="14" customWidth="1"/>
    <col min="51" max="53" width="16.875" style="14" customWidth="1"/>
    <col min="54" max="54" width="16" style="14" customWidth="1"/>
    <col min="55" max="57" width="18.5" style="14" customWidth="1"/>
    <col min="58" max="58" width="17.625" style="14" customWidth="1"/>
    <col min="59" max="16384" width="4.25" style="14"/>
  </cols>
  <sheetData>
    <row r="1" spans="1:58" ht="12" customHeight="1" thickBot="1">
      <c r="Q1" s="28"/>
      <c r="BF1" s="28"/>
    </row>
    <row r="2" spans="1:58" s="15" customFormat="1" ht="36" customHeight="1" thickBot="1">
      <c r="A2" s="29" t="s">
        <v>178</v>
      </c>
      <c r="P2" s="30"/>
      <c r="Q2" s="30"/>
      <c r="V2" s="142" t="s">
        <v>222</v>
      </c>
      <c r="W2" s="143"/>
      <c r="X2" s="162" t="s">
        <v>176</v>
      </c>
      <c r="Y2" s="163"/>
      <c r="Z2" s="162" t="s">
        <v>174</v>
      </c>
      <c r="AA2" s="163"/>
      <c r="BF2" s="46" t="s">
        <v>187</v>
      </c>
    </row>
    <row r="3" spans="1:58" s="100" customFormat="1" ht="136.5" customHeight="1">
      <c r="A3" s="152" t="s">
        <v>0</v>
      </c>
      <c r="B3" s="153" t="s">
        <v>1</v>
      </c>
      <c r="C3" s="153" t="s">
        <v>34</v>
      </c>
      <c r="D3" s="153" t="s">
        <v>219</v>
      </c>
      <c r="E3" s="153" t="s">
        <v>2</v>
      </c>
      <c r="F3" s="153" t="s">
        <v>220</v>
      </c>
      <c r="G3" s="153" t="s">
        <v>11</v>
      </c>
      <c r="H3" s="153" t="s">
        <v>6</v>
      </c>
      <c r="I3" s="153" t="s">
        <v>3</v>
      </c>
      <c r="J3" s="153" t="s">
        <v>139</v>
      </c>
      <c r="K3" s="144" t="s">
        <v>85</v>
      </c>
      <c r="L3" s="144" t="s">
        <v>10</v>
      </c>
      <c r="M3" s="144" t="s">
        <v>99</v>
      </c>
      <c r="N3" s="149" t="s">
        <v>213</v>
      </c>
      <c r="O3" s="144" t="s">
        <v>9</v>
      </c>
      <c r="P3" s="145" t="s">
        <v>8</v>
      </c>
      <c r="Q3" s="154" t="s">
        <v>160</v>
      </c>
      <c r="R3" s="146" t="s">
        <v>181</v>
      </c>
      <c r="S3" s="153" t="s">
        <v>218</v>
      </c>
      <c r="T3" s="153" t="s">
        <v>140</v>
      </c>
      <c r="U3" s="140" t="s">
        <v>230</v>
      </c>
      <c r="V3" s="160" t="s">
        <v>101</v>
      </c>
      <c r="W3" s="160" t="s">
        <v>173</v>
      </c>
      <c r="X3" s="159" t="s">
        <v>175</v>
      </c>
      <c r="Y3" s="159" t="s">
        <v>173</v>
      </c>
      <c r="Z3" s="159" t="s">
        <v>175</v>
      </c>
      <c r="AA3" s="159" t="s">
        <v>173</v>
      </c>
      <c r="AB3" s="157" t="s">
        <v>142</v>
      </c>
      <c r="AC3" s="157"/>
      <c r="AD3" s="157"/>
      <c r="AE3" s="157"/>
      <c r="AF3" s="157"/>
      <c r="AG3" s="157"/>
      <c r="AH3" s="157"/>
      <c r="AI3" s="157"/>
      <c r="AJ3" s="157"/>
      <c r="AK3" s="157"/>
      <c r="AL3" s="157"/>
      <c r="AM3" s="157"/>
      <c r="AN3" s="157"/>
      <c r="AO3" s="157"/>
      <c r="AP3" s="157"/>
      <c r="AQ3" s="157"/>
      <c r="AR3" s="157"/>
      <c r="AS3" s="157"/>
      <c r="AT3" s="157"/>
      <c r="AU3" s="157"/>
      <c r="AV3" s="157"/>
      <c r="AW3" s="157"/>
      <c r="AX3" s="157"/>
      <c r="AY3" s="157"/>
      <c r="AZ3" s="157"/>
      <c r="BA3" s="157"/>
      <c r="BB3" s="157"/>
      <c r="BC3" s="158" t="s">
        <v>168</v>
      </c>
      <c r="BD3" s="158" t="s">
        <v>224</v>
      </c>
      <c r="BE3" s="158" t="s">
        <v>188</v>
      </c>
      <c r="BF3" s="144" t="s">
        <v>5</v>
      </c>
    </row>
    <row r="4" spans="1:58" s="100" customFormat="1" ht="85.5" customHeight="1">
      <c r="A4" s="152"/>
      <c r="B4" s="153"/>
      <c r="C4" s="153"/>
      <c r="D4" s="153"/>
      <c r="E4" s="153"/>
      <c r="F4" s="153"/>
      <c r="G4" s="153"/>
      <c r="H4" s="153"/>
      <c r="I4" s="153"/>
      <c r="J4" s="153"/>
      <c r="K4" s="144"/>
      <c r="L4" s="144"/>
      <c r="M4" s="144"/>
      <c r="N4" s="150"/>
      <c r="O4" s="144"/>
      <c r="P4" s="145"/>
      <c r="Q4" s="154"/>
      <c r="R4" s="147"/>
      <c r="S4" s="153"/>
      <c r="T4" s="153"/>
      <c r="U4" s="140"/>
      <c r="V4" s="160"/>
      <c r="W4" s="160"/>
      <c r="X4" s="153"/>
      <c r="Y4" s="153"/>
      <c r="Z4" s="153"/>
      <c r="AA4" s="153"/>
      <c r="AB4" s="155" t="s">
        <v>89</v>
      </c>
      <c r="AC4" s="155"/>
      <c r="AD4" s="155"/>
      <c r="AE4" s="72" t="s">
        <v>90</v>
      </c>
      <c r="AF4" s="72" t="s">
        <v>91</v>
      </c>
      <c r="AG4" s="72" t="s">
        <v>92</v>
      </c>
      <c r="AH4" s="155" t="s">
        <v>93</v>
      </c>
      <c r="AI4" s="155"/>
      <c r="AJ4" s="155"/>
      <c r="AK4" s="155" t="s">
        <v>177</v>
      </c>
      <c r="AL4" s="155"/>
      <c r="AM4" s="156" t="s">
        <v>94</v>
      </c>
      <c r="AN4" s="156"/>
      <c r="AO4" s="156"/>
      <c r="AP4" s="156"/>
      <c r="AQ4" s="156" t="s">
        <v>143</v>
      </c>
      <c r="AR4" s="156"/>
      <c r="AS4" s="156"/>
      <c r="AT4" s="156" t="s">
        <v>97</v>
      </c>
      <c r="AU4" s="156"/>
      <c r="AV4" s="156" t="s">
        <v>98</v>
      </c>
      <c r="AW4" s="156"/>
      <c r="AX4" s="156" t="s">
        <v>95</v>
      </c>
      <c r="AY4" s="156"/>
      <c r="AZ4" s="156"/>
      <c r="BA4" s="156"/>
      <c r="BB4" s="75" t="s">
        <v>96</v>
      </c>
      <c r="BC4" s="158"/>
      <c r="BD4" s="158"/>
      <c r="BE4" s="158"/>
      <c r="BF4" s="144"/>
    </row>
    <row r="5" spans="1:58" s="100" customFormat="1" ht="189.75" customHeight="1">
      <c r="A5" s="152"/>
      <c r="B5" s="153"/>
      <c r="C5" s="153"/>
      <c r="D5" s="153"/>
      <c r="E5" s="153"/>
      <c r="F5" s="153"/>
      <c r="G5" s="153"/>
      <c r="H5" s="153"/>
      <c r="I5" s="153"/>
      <c r="J5" s="153"/>
      <c r="K5" s="144"/>
      <c r="L5" s="144"/>
      <c r="M5" s="144"/>
      <c r="N5" s="151"/>
      <c r="O5" s="144"/>
      <c r="P5" s="145"/>
      <c r="Q5" s="154"/>
      <c r="R5" s="148"/>
      <c r="S5" s="153"/>
      <c r="T5" s="153"/>
      <c r="U5" s="140"/>
      <c r="V5" s="161"/>
      <c r="W5" s="161"/>
      <c r="X5" s="153"/>
      <c r="Y5" s="153"/>
      <c r="Z5" s="153"/>
      <c r="AA5" s="153"/>
      <c r="AB5" s="101"/>
      <c r="AC5" s="92" t="s">
        <v>82</v>
      </c>
      <c r="AD5" s="92" t="s">
        <v>88</v>
      </c>
      <c r="AE5" s="72"/>
      <c r="AF5" s="72"/>
      <c r="AG5" s="72"/>
      <c r="AH5" s="72"/>
      <c r="AI5" s="102" t="s">
        <v>84</v>
      </c>
      <c r="AJ5" s="103" t="s">
        <v>100</v>
      </c>
      <c r="AK5" s="72"/>
      <c r="AL5" s="92" t="s">
        <v>84</v>
      </c>
      <c r="AM5" s="75"/>
      <c r="AN5" s="92" t="s">
        <v>84</v>
      </c>
      <c r="AO5" s="92" t="s">
        <v>141</v>
      </c>
      <c r="AP5" s="92" t="s">
        <v>83</v>
      </c>
      <c r="AQ5" s="75"/>
      <c r="AR5" s="92" t="s">
        <v>141</v>
      </c>
      <c r="AS5" s="92" t="s">
        <v>83</v>
      </c>
      <c r="AT5" s="75"/>
      <c r="AU5" s="104" t="s">
        <v>84</v>
      </c>
      <c r="AV5" s="75"/>
      <c r="AW5" s="92" t="s">
        <v>84</v>
      </c>
      <c r="AX5" s="75"/>
      <c r="AY5" s="92" t="s">
        <v>84</v>
      </c>
      <c r="AZ5" s="92" t="s">
        <v>141</v>
      </c>
      <c r="BA5" s="92" t="s">
        <v>83</v>
      </c>
      <c r="BB5" s="105" t="s">
        <v>145</v>
      </c>
      <c r="BC5" s="158"/>
      <c r="BD5" s="158"/>
      <c r="BE5" s="158"/>
      <c r="BF5" s="144"/>
    </row>
    <row r="6" spans="1:58" ht="52.5" customHeight="1">
      <c r="A6" s="42">
        <v>1</v>
      </c>
      <c r="B6" s="16"/>
      <c r="C6" s="17"/>
      <c r="D6" s="31" t="e">
        <f>VLOOKUP(C6,$C$31:$D$77,2)</f>
        <v>#N/A</v>
      </c>
      <c r="E6" s="17"/>
      <c r="F6" s="16"/>
      <c r="G6" s="19"/>
      <c r="H6" s="16"/>
      <c r="I6" s="16"/>
      <c r="J6" s="78" t="s">
        <v>87</v>
      </c>
      <c r="K6" s="57"/>
      <c r="L6" s="32"/>
      <c r="M6" s="32"/>
      <c r="N6" s="32"/>
      <c r="O6" s="38"/>
      <c r="P6" s="22"/>
      <c r="Q6" s="33"/>
      <c r="R6" s="44"/>
      <c r="S6" s="43" t="s">
        <v>86</v>
      </c>
      <c r="T6" s="43" t="s">
        <v>86</v>
      </c>
      <c r="U6" s="91"/>
      <c r="V6" s="19"/>
      <c r="W6" s="19"/>
      <c r="X6" s="48"/>
      <c r="Y6" s="19"/>
      <c r="Z6" s="48"/>
      <c r="AA6" s="19"/>
      <c r="AB6" s="24"/>
      <c r="AC6" s="24" t="s">
        <v>86</v>
      </c>
      <c r="AD6" s="24"/>
      <c r="AE6" s="24"/>
      <c r="AF6" s="24"/>
      <c r="AG6" s="24"/>
      <c r="AH6" s="24"/>
      <c r="AI6" s="79"/>
      <c r="AJ6" s="79"/>
      <c r="AK6" s="24"/>
      <c r="AL6" s="79"/>
      <c r="AM6" s="24"/>
      <c r="AN6" s="79"/>
      <c r="AO6" s="24" t="s">
        <v>86</v>
      </c>
      <c r="AP6" s="24" t="s">
        <v>86</v>
      </c>
      <c r="AQ6" s="24"/>
      <c r="AR6" s="24" t="s">
        <v>86</v>
      </c>
      <c r="AS6" s="24" t="s">
        <v>86</v>
      </c>
      <c r="AT6" s="24"/>
      <c r="AU6" s="79"/>
      <c r="AV6" s="24"/>
      <c r="AW6" s="79"/>
      <c r="AX6" s="24"/>
      <c r="AY6" s="79"/>
      <c r="AZ6" s="24" t="s">
        <v>86</v>
      </c>
      <c r="BA6" s="24" t="s">
        <v>86</v>
      </c>
      <c r="BB6" s="24"/>
      <c r="BC6" s="19"/>
      <c r="BD6" s="19"/>
      <c r="BE6" s="19"/>
      <c r="BF6" s="58"/>
    </row>
    <row r="7" spans="1:58" ht="52.5" customHeight="1">
      <c r="A7" s="42">
        <v>2</v>
      </c>
      <c r="B7" s="16"/>
      <c r="C7" s="17"/>
      <c r="D7" s="31" t="e">
        <f t="shared" ref="D7:D20" si="0">VLOOKUP(C7,$C$31:$D$77,2)</f>
        <v>#N/A</v>
      </c>
      <c r="E7" s="17"/>
      <c r="F7" s="16"/>
      <c r="G7" s="19"/>
      <c r="H7" s="16"/>
      <c r="I7" s="16"/>
      <c r="J7" s="78" t="s">
        <v>87</v>
      </c>
      <c r="K7" s="57"/>
      <c r="L7" s="32"/>
      <c r="M7" s="32"/>
      <c r="N7" s="32"/>
      <c r="O7" s="38"/>
      <c r="P7" s="22"/>
      <c r="Q7" s="33"/>
      <c r="R7" s="44"/>
      <c r="S7" s="43" t="s">
        <v>86</v>
      </c>
      <c r="T7" s="43" t="s">
        <v>86</v>
      </c>
      <c r="U7" s="43"/>
      <c r="V7" s="19"/>
      <c r="W7" s="19"/>
      <c r="X7" s="48"/>
      <c r="Y7" s="19"/>
      <c r="Z7" s="48"/>
      <c r="AA7" s="19"/>
      <c r="AB7" s="24"/>
      <c r="AC7" s="24" t="s">
        <v>86</v>
      </c>
      <c r="AD7" s="24"/>
      <c r="AE7" s="24"/>
      <c r="AF7" s="24"/>
      <c r="AG7" s="24"/>
      <c r="AH7" s="24"/>
      <c r="AI7" s="79"/>
      <c r="AJ7" s="79"/>
      <c r="AK7" s="24"/>
      <c r="AL7" s="79"/>
      <c r="AM7" s="24"/>
      <c r="AN7" s="79"/>
      <c r="AO7" s="24" t="s">
        <v>86</v>
      </c>
      <c r="AP7" s="24" t="s">
        <v>86</v>
      </c>
      <c r="AQ7" s="24"/>
      <c r="AR7" s="24" t="s">
        <v>86</v>
      </c>
      <c r="AS7" s="24" t="s">
        <v>86</v>
      </c>
      <c r="AT7" s="24"/>
      <c r="AU7" s="79"/>
      <c r="AV7" s="24"/>
      <c r="AW7" s="79"/>
      <c r="AX7" s="24"/>
      <c r="AY7" s="79"/>
      <c r="AZ7" s="24" t="s">
        <v>86</v>
      </c>
      <c r="BA7" s="24" t="s">
        <v>86</v>
      </c>
      <c r="BB7" s="24"/>
      <c r="BC7" s="19"/>
      <c r="BD7" s="19"/>
      <c r="BE7" s="19"/>
      <c r="BF7" s="58"/>
    </row>
    <row r="8" spans="1:58" ht="52.5" customHeight="1">
      <c r="A8" s="42">
        <v>3</v>
      </c>
      <c r="B8" s="16"/>
      <c r="C8" s="17"/>
      <c r="D8" s="31" t="e">
        <f t="shared" si="0"/>
        <v>#N/A</v>
      </c>
      <c r="E8" s="17"/>
      <c r="F8" s="16"/>
      <c r="G8" s="19"/>
      <c r="H8" s="16"/>
      <c r="I8" s="16"/>
      <c r="J8" s="78" t="s">
        <v>87</v>
      </c>
      <c r="K8" s="57"/>
      <c r="L8" s="32"/>
      <c r="M8" s="32"/>
      <c r="N8" s="32"/>
      <c r="O8" s="38"/>
      <c r="P8" s="22"/>
      <c r="Q8" s="33"/>
      <c r="R8" s="44"/>
      <c r="S8" s="43" t="s">
        <v>86</v>
      </c>
      <c r="T8" s="43" t="s">
        <v>86</v>
      </c>
      <c r="U8" s="43"/>
      <c r="V8" s="19"/>
      <c r="W8" s="19"/>
      <c r="X8" s="48"/>
      <c r="Y8" s="19"/>
      <c r="Z8" s="48"/>
      <c r="AA8" s="19"/>
      <c r="AB8" s="24"/>
      <c r="AC8" s="24" t="s">
        <v>86</v>
      </c>
      <c r="AD8" s="24"/>
      <c r="AE8" s="24"/>
      <c r="AF8" s="24"/>
      <c r="AG8" s="24"/>
      <c r="AH8" s="24"/>
      <c r="AI8" s="79"/>
      <c r="AJ8" s="79"/>
      <c r="AK8" s="24"/>
      <c r="AL8" s="79"/>
      <c r="AM8" s="24"/>
      <c r="AN8" s="79"/>
      <c r="AO8" s="24" t="s">
        <v>86</v>
      </c>
      <c r="AP8" s="24" t="s">
        <v>86</v>
      </c>
      <c r="AQ8" s="24"/>
      <c r="AR8" s="24" t="s">
        <v>86</v>
      </c>
      <c r="AS8" s="24" t="s">
        <v>86</v>
      </c>
      <c r="AT8" s="24"/>
      <c r="AU8" s="79"/>
      <c r="AV8" s="24"/>
      <c r="AW8" s="79"/>
      <c r="AX8" s="24"/>
      <c r="AY8" s="79"/>
      <c r="AZ8" s="24" t="s">
        <v>86</v>
      </c>
      <c r="BA8" s="24" t="s">
        <v>86</v>
      </c>
      <c r="BB8" s="24"/>
      <c r="BC8" s="19"/>
      <c r="BD8" s="19"/>
      <c r="BE8" s="19"/>
      <c r="BF8" s="58"/>
    </row>
    <row r="9" spans="1:58" ht="52.5" customHeight="1">
      <c r="A9" s="42">
        <v>4</v>
      </c>
      <c r="B9" s="16"/>
      <c r="C9" s="17"/>
      <c r="D9" s="31" t="e">
        <f t="shared" si="0"/>
        <v>#N/A</v>
      </c>
      <c r="E9" s="17"/>
      <c r="F9" s="16"/>
      <c r="G9" s="19"/>
      <c r="H9" s="16"/>
      <c r="I9" s="16"/>
      <c r="J9" s="78" t="s">
        <v>87</v>
      </c>
      <c r="K9" s="57"/>
      <c r="L9" s="32"/>
      <c r="M9" s="32"/>
      <c r="N9" s="32"/>
      <c r="O9" s="38"/>
      <c r="P9" s="22"/>
      <c r="Q9" s="33"/>
      <c r="R9" s="44"/>
      <c r="S9" s="43" t="s">
        <v>86</v>
      </c>
      <c r="T9" s="43" t="s">
        <v>86</v>
      </c>
      <c r="U9" s="43"/>
      <c r="V9" s="19"/>
      <c r="W9" s="19"/>
      <c r="X9" s="48"/>
      <c r="Y9" s="19"/>
      <c r="Z9" s="48"/>
      <c r="AA9" s="19"/>
      <c r="AB9" s="24"/>
      <c r="AC9" s="24" t="s">
        <v>86</v>
      </c>
      <c r="AD9" s="24"/>
      <c r="AE9" s="24"/>
      <c r="AF9" s="24"/>
      <c r="AG9" s="24"/>
      <c r="AH9" s="24"/>
      <c r="AI9" s="79"/>
      <c r="AJ9" s="79"/>
      <c r="AK9" s="24"/>
      <c r="AL9" s="79"/>
      <c r="AM9" s="24"/>
      <c r="AN9" s="79"/>
      <c r="AO9" s="24" t="s">
        <v>86</v>
      </c>
      <c r="AP9" s="24" t="s">
        <v>86</v>
      </c>
      <c r="AQ9" s="24"/>
      <c r="AR9" s="24" t="s">
        <v>86</v>
      </c>
      <c r="AS9" s="24" t="s">
        <v>86</v>
      </c>
      <c r="AT9" s="24"/>
      <c r="AU9" s="79"/>
      <c r="AV9" s="24"/>
      <c r="AW9" s="79"/>
      <c r="AX9" s="24"/>
      <c r="AY9" s="79"/>
      <c r="AZ9" s="24" t="s">
        <v>86</v>
      </c>
      <c r="BA9" s="24" t="s">
        <v>86</v>
      </c>
      <c r="BB9" s="24"/>
      <c r="BC9" s="19"/>
      <c r="BD9" s="19"/>
      <c r="BE9" s="19"/>
      <c r="BF9" s="58"/>
    </row>
    <row r="10" spans="1:58" ht="52.5" customHeight="1">
      <c r="A10" s="42">
        <v>5</v>
      </c>
      <c r="B10" s="16"/>
      <c r="C10" s="17"/>
      <c r="D10" s="31" t="e">
        <f t="shared" si="0"/>
        <v>#N/A</v>
      </c>
      <c r="E10" s="17"/>
      <c r="F10" s="16"/>
      <c r="G10" s="19"/>
      <c r="H10" s="16"/>
      <c r="I10" s="16"/>
      <c r="J10" s="78" t="s">
        <v>87</v>
      </c>
      <c r="K10" s="57"/>
      <c r="L10" s="32"/>
      <c r="M10" s="32"/>
      <c r="N10" s="32"/>
      <c r="O10" s="38"/>
      <c r="P10" s="22"/>
      <c r="Q10" s="33"/>
      <c r="R10" s="44"/>
      <c r="S10" s="43" t="s">
        <v>86</v>
      </c>
      <c r="T10" s="43" t="s">
        <v>86</v>
      </c>
      <c r="U10" s="43"/>
      <c r="V10" s="19"/>
      <c r="W10" s="19"/>
      <c r="X10" s="48"/>
      <c r="Y10" s="19"/>
      <c r="Z10" s="48"/>
      <c r="AA10" s="19"/>
      <c r="AB10" s="24"/>
      <c r="AC10" s="24" t="s">
        <v>86</v>
      </c>
      <c r="AD10" s="24"/>
      <c r="AE10" s="24"/>
      <c r="AF10" s="24"/>
      <c r="AG10" s="24"/>
      <c r="AH10" s="24"/>
      <c r="AI10" s="79"/>
      <c r="AJ10" s="79"/>
      <c r="AK10" s="24"/>
      <c r="AL10" s="79"/>
      <c r="AM10" s="24"/>
      <c r="AN10" s="79"/>
      <c r="AO10" s="24" t="s">
        <v>86</v>
      </c>
      <c r="AP10" s="24" t="s">
        <v>86</v>
      </c>
      <c r="AQ10" s="24"/>
      <c r="AR10" s="24" t="s">
        <v>86</v>
      </c>
      <c r="AS10" s="24" t="s">
        <v>86</v>
      </c>
      <c r="AT10" s="24"/>
      <c r="AU10" s="79"/>
      <c r="AV10" s="24"/>
      <c r="AW10" s="79"/>
      <c r="AX10" s="24"/>
      <c r="AY10" s="79"/>
      <c r="AZ10" s="24" t="s">
        <v>86</v>
      </c>
      <c r="BA10" s="24" t="s">
        <v>86</v>
      </c>
      <c r="BB10" s="24"/>
      <c r="BC10" s="19"/>
      <c r="BD10" s="19"/>
      <c r="BE10" s="19"/>
      <c r="BF10" s="58"/>
    </row>
    <row r="11" spans="1:58" ht="52.5" customHeight="1">
      <c r="A11" s="42">
        <v>6</v>
      </c>
      <c r="B11" s="16"/>
      <c r="C11" s="17"/>
      <c r="D11" s="31" t="e">
        <f t="shared" si="0"/>
        <v>#N/A</v>
      </c>
      <c r="E11" s="17"/>
      <c r="F11" s="16"/>
      <c r="G11" s="19"/>
      <c r="H11" s="16"/>
      <c r="I11" s="16"/>
      <c r="J11" s="78" t="s">
        <v>87</v>
      </c>
      <c r="K11" s="57"/>
      <c r="L11" s="32"/>
      <c r="M11" s="32"/>
      <c r="N11" s="32"/>
      <c r="O11" s="38"/>
      <c r="P11" s="22"/>
      <c r="Q11" s="33"/>
      <c r="R11" s="44"/>
      <c r="S11" s="43" t="s">
        <v>86</v>
      </c>
      <c r="T11" s="43" t="s">
        <v>86</v>
      </c>
      <c r="U11" s="43"/>
      <c r="V11" s="19"/>
      <c r="W11" s="19"/>
      <c r="X11" s="48"/>
      <c r="Y11" s="19"/>
      <c r="Z11" s="48"/>
      <c r="AA11" s="19"/>
      <c r="AB11" s="24"/>
      <c r="AC11" s="24" t="s">
        <v>86</v>
      </c>
      <c r="AD11" s="24"/>
      <c r="AE11" s="24"/>
      <c r="AF11" s="24"/>
      <c r="AG11" s="24"/>
      <c r="AH11" s="24"/>
      <c r="AI11" s="79"/>
      <c r="AJ11" s="79"/>
      <c r="AK11" s="24"/>
      <c r="AL11" s="79"/>
      <c r="AM11" s="24"/>
      <c r="AN11" s="79"/>
      <c r="AO11" s="24" t="s">
        <v>86</v>
      </c>
      <c r="AP11" s="24" t="s">
        <v>86</v>
      </c>
      <c r="AQ11" s="24"/>
      <c r="AR11" s="24" t="s">
        <v>86</v>
      </c>
      <c r="AS11" s="24" t="s">
        <v>86</v>
      </c>
      <c r="AT11" s="24"/>
      <c r="AU11" s="79"/>
      <c r="AV11" s="24"/>
      <c r="AW11" s="79"/>
      <c r="AX11" s="24"/>
      <c r="AY11" s="79"/>
      <c r="AZ11" s="24" t="s">
        <v>86</v>
      </c>
      <c r="BA11" s="24" t="s">
        <v>86</v>
      </c>
      <c r="BB11" s="24"/>
      <c r="BC11" s="19"/>
      <c r="BD11" s="19"/>
      <c r="BE11" s="19"/>
      <c r="BF11" s="58"/>
    </row>
    <row r="12" spans="1:58" ht="52.5" customHeight="1">
      <c r="A12" s="42">
        <v>7</v>
      </c>
      <c r="B12" s="16"/>
      <c r="C12" s="17"/>
      <c r="D12" s="31" t="e">
        <f t="shared" si="0"/>
        <v>#N/A</v>
      </c>
      <c r="E12" s="17"/>
      <c r="F12" s="16"/>
      <c r="G12" s="19"/>
      <c r="H12" s="16"/>
      <c r="I12" s="16"/>
      <c r="J12" s="78" t="s">
        <v>87</v>
      </c>
      <c r="K12" s="57"/>
      <c r="L12" s="32"/>
      <c r="M12" s="32"/>
      <c r="N12" s="32"/>
      <c r="O12" s="38"/>
      <c r="P12" s="22"/>
      <c r="Q12" s="33"/>
      <c r="R12" s="44"/>
      <c r="S12" s="43" t="s">
        <v>86</v>
      </c>
      <c r="T12" s="43" t="s">
        <v>86</v>
      </c>
      <c r="U12" s="43"/>
      <c r="V12" s="19"/>
      <c r="W12" s="19"/>
      <c r="X12" s="48"/>
      <c r="Y12" s="19"/>
      <c r="Z12" s="48"/>
      <c r="AA12" s="19"/>
      <c r="AB12" s="24"/>
      <c r="AC12" s="24" t="s">
        <v>86</v>
      </c>
      <c r="AD12" s="24"/>
      <c r="AE12" s="24"/>
      <c r="AF12" s="24"/>
      <c r="AG12" s="24"/>
      <c r="AH12" s="24"/>
      <c r="AI12" s="79"/>
      <c r="AJ12" s="79"/>
      <c r="AK12" s="24"/>
      <c r="AL12" s="79"/>
      <c r="AM12" s="24"/>
      <c r="AN12" s="79"/>
      <c r="AO12" s="24" t="s">
        <v>86</v>
      </c>
      <c r="AP12" s="24" t="s">
        <v>86</v>
      </c>
      <c r="AQ12" s="24"/>
      <c r="AR12" s="24" t="s">
        <v>86</v>
      </c>
      <c r="AS12" s="24" t="s">
        <v>86</v>
      </c>
      <c r="AT12" s="24"/>
      <c r="AU12" s="79"/>
      <c r="AV12" s="24"/>
      <c r="AW12" s="79"/>
      <c r="AX12" s="24"/>
      <c r="AY12" s="79"/>
      <c r="AZ12" s="24" t="s">
        <v>86</v>
      </c>
      <c r="BA12" s="24" t="s">
        <v>86</v>
      </c>
      <c r="BB12" s="24"/>
      <c r="BC12" s="19"/>
      <c r="BD12" s="19"/>
      <c r="BE12" s="19"/>
      <c r="BF12" s="58"/>
    </row>
    <row r="13" spans="1:58" ht="52.5" customHeight="1">
      <c r="A13" s="42">
        <v>8</v>
      </c>
      <c r="B13" s="16"/>
      <c r="C13" s="17"/>
      <c r="D13" s="31" t="e">
        <f t="shared" si="0"/>
        <v>#N/A</v>
      </c>
      <c r="E13" s="17"/>
      <c r="F13" s="16"/>
      <c r="G13" s="19"/>
      <c r="H13" s="16"/>
      <c r="I13" s="16"/>
      <c r="J13" s="78" t="s">
        <v>87</v>
      </c>
      <c r="K13" s="57"/>
      <c r="L13" s="32"/>
      <c r="M13" s="32"/>
      <c r="N13" s="32"/>
      <c r="O13" s="38"/>
      <c r="P13" s="22"/>
      <c r="Q13" s="33"/>
      <c r="R13" s="44"/>
      <c r="S13" s="43" t="s">
        <v>86</v>
      </c>
      <c r="T13" s="43" t="s">
        <v>86</v>
      </c>
      <c r="U13" s="43"/>
      <c r="V13" s="19"/>
      <c r="W13" s="19"/>
      <c r="X13" s="48"/>
      <c r="Y13" s="19"/>
      <c r="Z13" s="48"/>
      <c r="AA13" s="19"/>
      <c r="AB13" s="24"/>
      <c r="AC13" s="24" t="s">
        <v>86</v>
      </c>
      <c r="AD13" s="24"/>
      <c r="AE13" s="24"/>
      <c r="AF13" s="24"/>
      <c r="AG13" s="24"/>
      <c r="AH13" s="24"/>
      <c r="AI13" s="79"/>
      <c r="AJ13" s="79"/>
      <c r="AK13" s="24"/>
      <c r="AL13" s="79"/>
      <c r="AM13" s="24"/>
      <c r="AN13" s="79"/>
      <c r="AO13" s="24" t="s">
        <v>86</v>
      </c>
      <c r="AP13" s="24" t="s">
        <v>86</v>
      </c>
      <c r="AQ13" s="24"/>
      <c r="AR13" s="24" t="s">
        <v>86</v>
      </c>
      <c r="AS13" s="24" t="s">
        <v>86</v>
      </c>
      <c r="AT13" s="24"/>
      <c r="AU13" s="79"/>
      <c r="AV13" s="24"/>
      <c r="AW13" s="79"/>
      <c r="AX13" s="24"/>
      <c r="AY13" s="79"/>
      <c r="AZ13" s="24" t="s">
        <v>86</v>
      </c>
      <c r="BA13" s="24" t="s">
        <v>86</v>
      </c>
      <c r="BB13" s="24"/>
      <c r="BC13" s="19"/>
      <c r="BD13" s="19"/>
      <c r="BE13" s="19"/>
      <c r="BF13" s="58"/>
    </row>
    <row r="14" spans="1:58" ht="52.5" customHeight="1">
      <c r="A14" s="42">
        <v>9</v>
      </c>
      <c r="B14" s="16"/>
      <c r="C14" s="17"/>
      <c r="D14" s="31" t="e">
        <f t="shared" si="0"/>
        <v>#N/A</v>
      </c>
      <c r="E14" s="17"/>
      <c r="F14" s="16"/>
      <c r="G14" s="19"/>
      <c r="H14" s="16"/>
      <c r="I14" s="16"/>
      <c r="J14" s="78" t="s">
        <v>87</v>
      </c>
      <c r="K14" s="57"/>
      <c r="L14" s="32"/>
      <c r="M14" s="32"/>
      <c r="N14" s="32"/>
      <c r="O14" s="38"/>
      <c r="P14" s="22"/>
      <c r="Q14" s="33"/>
      <c r="R14" s="44"/>
      <c r="S14" s="43" t="s">
        <v>86</v>
      </c>
      <c r="T14" s="43" t="s">
        <v>86</v>
      </c>
      <c r="U14" s="43"/>
      <c r="V14" s="19"/>
      <c r="W14" s="19"/>
      <c r="X14" s="48"/>
      <c r="Y14" s="19"/>
      <c r="Z14" s="48"/>
      <c r="AA14" s="19"/>
      <c r="AB14" s="24"/>
      <c r="AC14" s="24" t="s">
        <v>86</v>
      </c>
      <c r="AD14" s="24"/>
      <c r="AE14" s="24"/>
      <c r="AF14" s="24"/>
      <c r="AG14" s="24"/>
      <c r="AH14" s="24"/>
      <c r="AI14" s="79"/>
      <c r="AJ14" s="79"/>
      <c r="AK14" s="24"/>
      <c r="AL14" s="79"/>
      <c r="AM14" s="24"/>
      <c r="AN14" s="79"/>
      <c r="AO14" s="24" t="s">
        <v>86</v>
      </c>
      <c r="AP14" s="24" t="s">
        <v>86</v>
      </c>
      <c r="AQ14" s="24"/>
      <c r="AR14" s="24" t="s">
        <v>86</v>
      </c>
      <c r="AS14" s="24" t="s">
        <v>86</v>
      </c>
      <c r="AT14" s="24"/>
      <c r="AU14" s="79"/>
      <c r="AV14" s="24"/>
      <c r="AW14" s="79"/>
      <c r="AX14" s="24"/>
      <c r="AY14" s="79"/>
      <c r="AZ14" s="24" t="s">
        <v>86</v>
      </c>
      <c r="BA14" s="24" t="s">
        <v>86</v>
      </c>
      <c r="BB14" s="24"/>
      <c r="BC14" s="19"/>
      <c r="BD14" s="19"/>
      <c r="BE14" s="19"/>
      <c r="BF14" s="58"/>
    </row>
    <row r="15" spans="1:58" ht="52.5" customHeight="1">
      <c r="A15" s="42">
        <v>10</v>
      </c>
      <c r="B15" s="16"/>
      <c r="C15" s="17"/>
      <c r="D15" s="31" t="e">
        <f t="shared" si="0"/>
        <v>#N/A</v>
      </c>
      <c r="E15" s="17"/>
      <c r="F15" s="16"/>
      <c r="G15" s="19"/>
      <c r="H15" s="16"/>
      <c r="I15" s="16"/>
      <c r="J15" s="78" t="s">
        <v>87</v>
      </c>
      <c r="K15" s="57"/>
      <c r="L15" s="32"/>
      <c r="M15" s="32"/>
      <c r="N15" s="32"/>
      <c r="O15" s="38"/>
      <c r="P15" s="22"/>
      <c r="Q15" s="33"/>
      <c r="R15" s="44"/>
      <c r="S15" s="43" t="s">
        <v>86</v>
      </c>
      <c r="T15" s="43" t="s">
        <v>86</v>
      </c>
      <c r="U15" s="43"/>
      <c r="V15" s="19"/>
      <c r="W15" s="19"/>
      <c r="X15" s="48"/>
      <c r="Y15" s="19"/>
      <c r="Z15" s="48"/>
      <c r="AA15" s="19"/>
      <c r="AB15" s="24"/>
      <c r="AC15" s="24" t="s">
        <v>86</v>
      </c>
      <c r="AD15" s="24"/>
      <c r="AE15" s="24"/>
      <c r="AF15" s="24"/>
      <c r="AG15" s="24"/>
      <c r="AH15" s="24"/>
      <c r="AI15" s="79"/>
      <c r="AJ15" s="79"/>
      <c r="AK15" s="24"/>
      <c r="AL15" s="79"/>
      <c r="AM15" s="24"/>
      <c r="AN15" s="79"/>
      <c r="AO15" s="24" t="s">
        <v>86</v>
      </c>
      <c r="AP15" s="24" t="s">
        <v>86</v>
      </c>
      <c r="AQ15" s="24"/>
      <c r="AR15" s="24" t="s">
        <v>86</v>
      </c>
      <c r="AS15" s="24" t="s">
        <v>86</v>
      </c>
      <c r="AT15" s="24"/>
      <c r="AU15" s="79"/>
      <c r="AV15" s="24"/>
      <c r="AW15" s="79"/>
      <c r="AX15" s="24"/>
      <c r="AY15" s="79"/>
      <c r="AZ15" s="24" t="s">
        <v>86</v>
      </c>
      <c r="BA15" s="24" t="s">
        <v>86</v>
      </c>
      <c r="BB15" s="24"/>
      <c r="BC15" s="19"/>
      <c r="BD15" s="19"/>
      <c r="BE15" s="19"/>
      <c r="BF15" s="58"/>
    </row>
    <row r="16" spans="1:58" ht="52.5" customHeight="1">
      <c r="A16" s="42">
        <v>11</v>
      </c>
      <c r="B16" s="16"/>
      <c r="C16" s="17"/>
      <c r="D16" s="31" t="e">
        <f t="shared" si="0"/>
        <v>#N/A</v>
      </c>
      <c r="E16" s="17"/>
      <c r="F16" s="16"/>
      <c r="G16" s="19"/>
      <c r="H16" s="16"/>
      <c r="I16" s="16"/>
      <c r="J16" s="78" t="s">
        <v>87</v>
      </c>
      <c r="K16" s="57"/>
      <c r="L16" s="32"/>
      <c r="M16" s="32"/>
      <c r="N16" s="32"/>
      <c r="O16" s="38"/>
      <c r="P16" s="22"/>
      <c r="Q16" s="33"/>
      <c r="R16" s="44"/>
      <c r="S16" s="43" t="s">
        <v>86</v>
      </c>
      <c r="T16" s="43" t="s">
        <v>86</v>
      </c>
      <c r="U16" s="43"/>
      <c r="V16" s="19"/>
      <c r="W16" s="19"/>
      <c r="X16" s="48"/>
      <c r="Y16" s="19"/>
      <c r="Z16" s="48"/>
      <c r="AA16" s="19"/>
      <c r="AB16" s="24"/>
      <c r="AC16" s="24" t="s">
        <v>86</v>
      </c>
      <c r="AD16" s="24"/>
      <c r="AE16" s="24"/>
      <c r="AF16" s="24"/>
      <c r="AG16" s="24"/>
      <c r="AH16" s="24"/>
      <c r="AI16" s="79"/>
      <c r="AJ16" s="79"/>
      <c r="AK16" s="24"/>
      <c r="AL16" s="79"/>
      <c r="AM16" s="24"/>
      <c r="AN16" s="79"/>
      <c r="AO16" s="24" t="s">
        <v>86</v>
      </c>
      <c r="AP16" s="24" t="s">
        <v>86</v>
      </c>
      <c r="AQ16" s="24"/>
      <c r="AR16" s="24" t="s">
        <v>86</v>
      </c>
      <c r="AS16" s="24" t="s">
        <v>86</v>
      </c>
      <c r="AT16" s="24"/>
      <c r="AU16" s="79"/>
      <c r="AV16" s="24"/>
      <c r="AW16" s="79"/>
      <c r="AX16" s="24"/>
      <c r="AY16" s="79"/>
      <c r="AZ16" s="24" t="s">
        <v>86</v>
      </c>
      <c r="BA16" s="24" t="s">
        <v>86</v>
      </c>
      <c r="BB16" s="24"/>
      <c r="BC16" s="19"/>
      <c r="BD16" s="19"/>
      <c r="BE16" s="19"/>
      <c r="BF16" s="58"/>
    </row>
    <row r="17" spans="1:58" ht="52.5" customHeight="1">
      <c r="A17" s="42">
        <v>12</v>
      </c>
      <c r="B17" s="16"/>
      <c r="C17" s="17"/>
      <c r="D17" s="31" t="e">
        <f t="shared" si="0"/>
        <v>#N/A</v>
      </c>
      <c r="E17" s="17"/>
      <c r="F17" s="16"/>
      <c r="G17" s="19"/>
      <c r="H17" s="16"/>
      <c r="I17" s="16"/>
      <c r="J17" s="78" t="s">
        <v>87</v>
      </c>
      <c r="K17" s="57"/>
      <c r="L17" s="32"/>
      <c r="M17" s="32"/>
      <c r="N17" s="32"/>
      <c r="O17" s="38"/>
      <c r="P17" s="22"/>
      <c r="Q17" s="33"/>
      <c r="R17" s="44"/>
      <c r="S17" s="43" t="s">
        <v>86</v>
      </c>
      <c r="T17" s="43" t="s">
        <v>86</v>
      </c>
      <c r="U17" s="43"/>
      <c r="V17" s="19"/>
      <c r="W17" s="19"/>
      <c r="X17" s="48"/>
      <c r="Y17" s="19"/>
      <c r="Z17" s="48"/>
      <c r="AA17" s="19"/>
      <c r="AB17" s="24"/>
      <c r="AC17" s="24" t="s">
        <v>86</v>
      </c>
      <c r="AD17" s="24"/>
      <c r="AE17" s="24"/>
      <c r="AF17" s="24"/>
      <c r="AG17" s="24"/>
      <c r="AH17" s="24"/>
      <c r="AI17" s="79"/>
      <c r="AJ17" s="79"/>
      <c r="AK17" s="24"/>
      <c r="AL17" s="79"/>
      <c r="AM17" s="24"/>
      <c r="AN17" s="79"/>
      <c r="AO17" s="24" t="s">
        <v>86</v>
      </c>
      <c r="AP17" s="24" t="s">
        <v>86</v>
      </c>
      <c r="AQ17" s="24"/>
      <c r="AR17" s="24" t="s">
        <v>86</v>
      </c>
      <c r="AS17" s="24" t="s">
        <v>86</v>
      </c>
      <c r="AT17" s="24"/>
      <c r="AU17" s="79"/>
      <c r="AV17" s="24"/>
      <c r="AW17" s="79"/>
      <c r="AX17" s="24"/>
      <c r="AY17" s="79"/>
      <c r="AZ17" s="24" t="s">
        <v>86</v>
      </c>
      <c r="BA17" s="24" t="s">
        <v>86</v>
      </c>
      <c r="BB17" s="24"/>
      <c r="BC17" s="19"/>
      <c r="BD17" s="19"/>
      <c r="BE17" s="19"/>
      <c r="BF17" s="58"/>
    </row>
    <row r="18" spans="1:58" ht="52.5" customHeight="1">
      <c r="A18" s="42">
        <v>13</v>
      </c>
      <c r="B18" s="16"/>
      <c r="C18" s="17"/>
      <c r="D18" s="31" t="e">
        <f t="shared" si="0"/>
        <v>#N/A</v>
      </c>
      <c r="E18" s="17"/>
      <c r="F18" s="16"/>
      <c r="G18" s="19"/>
      <c r="H18" s="16"/>
      <c r="I18" s="16"/>
      <c r="J18" s="78" t="s">
        <v>87</v>
      </c>
      <c r="K18" s="57"/>
      <c r="L18" s="32"/>
      <c r="M18" s="32"/>
      <c r="N18" s="32"/>
      <c r="O18" s="38"/>
      <c r="P18" s="22"/>
      <c r="Q18" s="33"/>
      <c r="R18" s="44"/>
      <c r="S18" s="43" t="s">
        <v>86</v>
      </c>
      <c r="T18" s="43" t="s">
        <v>86</v>
      </c>
      <c r="U18" s="43"/>
      <c r="V18" s="19"/>
      <c r="W18" s="19"/>
      <c r="X18" s="48"/>
      <c r="Y18" s="19"/>
      <c r="Z18" s="48"/>
      <c r="AA18" s="19"/>
      <c r="AB18" s="24"/>
      <c r="AC18" s="24" t="s">
        <v>86</v>
      </c>
      <c r="AD18" s="24"/>
      <c r="AE18" s="24"/>
      <c r="AF18" s="24"/>
      <c r="AG18" s="24"/>
      <c r="AH18" s="24"/>
      <c r="AI18" s="79"/>
      <c r="AJ18" s="79"/>
      <c r="AK18" s="24"/>
      <c r="AL18" s="79"/>
      <c r="AM18" s="24"/>
      <c r="AN18" s="79"/>
      <c r="AO18" s="24" t="s">
        <v>86</v>
      </c>
      <c r="AP18" s="24" t="s">
        <v>86</v>
      </c>
      <c r="AQ18" s="24"/>
      <c r="AR18" s="24" t="s">
        <v>86</v>
      </c>
      <c r="AS18" s="24" t="s">
        <v>86</v>
      </c>
      <c r="AT18" s="24"/>
      <c r="AU18" s="79"/>
      <c r="AV18" s="24"/>
      <c r="AW18" s="79"/>
      <c r="AX18" s="24"/>
      <c r="AY18" s="79"/>
      <c r="AZ18" s="24" t="s">
        <v>86</v>
      </c>
      <c r="BA18" s="24" t="s">
        <v>86</v>
      </c>
      <c r="BB18" s="24"/>
      <c r="BC18" s="19"/>
      <c r="BD18" s="19"/>
      <c r="BE18" s="19"/>
      <c r="BF18" s="58"/>
    </row>
    <row r="19" spans="1:58" ht="52.5" customHeight="1">
      <c r="A19" s="42">
        <v>14</v>
      </c>
      <c r="B19" s="16"/>
      <c r="C19" s="17"/>
      <c r="D19" s="31" t="e">
        <f t="shared" si="0"/>
        <v>#N/A</v>
      </c>
      <c r="E19" s="17"/>
      <c r="F19" s="16"/>
      <c r="G19" s="19"/>
      <c r="H19" s="16"/>
      <c r="I19" s="16"/>
      <c r="J19" s="78" t="s">
        <v>87</v>
      </c>
      <c r="K19" s="57"/>
      <c r="L19" s="32"/>
      <c r="M19" s="32"/>
      <c r="N19" s="32"/>
      <c r="O19" s="38"/>
      <c r="P19" s="22"/>
      <c r="Q19" s="33"/>
      <c r="R19" s="44"/>
      <c r="S19" s="43" t="s">
        <v>86</v>
      </c>
      <c r="T19" s="43" t="s">
        <v>86</v>
      </c>
      <c r="U19" s="43"/>
      <c r="V19" s="19"/>
      <c r="W19" s="19"/>
      <c r="X19" s="48"/>
      <c r="Y19" s="19"/>
      <c r="Z19" s="48"/>
      <c r="AA19" s="19"/>
      <c r="AB19" s="24"/>
      <c r="AC19" s="24" t="s">
        <v>86</v>
      </c>
      <c r="AD19" s="24"/>
      <c r="AE19" s="24"/>
      <c r="AF19" s="24"/>
      <c r="AG19" s="24"/>
      <c r="AH19" s="24"/>
      <c r="AI19" s="79"/>
      <c r="AJ19" s="79"/>
      <c r="AK19" s="24"/>
      <c r="AL19" s="79"/>
      <c r="AM19" s="24"/>
      <c r="AN19" s="79"/>
      <c r="AO19" s="24" t="s">
        <v>86</v>
      </c>
      <c r="AP19" s="24" t="s">
        <v>86</v>
      </c>
      <c r="AQ19" s="24"/>
      <c r="AR19" s="24" t="s">
        <v>86</v>
      </c>
      <c r="AS19" s="24" t="s">
        <v>86</v>
      </c>
      <c r="AT19" s="24"/>
      <c r="AU19" s="79"/>
      <c r="AV19" s="24"/>
      <c r="AW19" s="79"/>
      <c r="AX19" s="24"/>
      <c r="AY19" s="79"/>
      <c r="AZ19" s="24" t="s">
        <v>86</v>
      </c>
      <c r="BA19" s="24" t="s">
        <v>86</v>
      </c>
      <c r="BB19" s="24"/>
      <c r="BC19" s="19"/>
      <c r="BD19" s="19"/>
      <c r="BE19" s="19"/>
      <c r="BF19" s="58"/>
    </row>
    <row r="20" spans="1:58" ht="52.5" customHeight="1">
      <c r="A20" s="42">
        <v>15</v>
      </c>
      <c r="B20" s="16"/>
      <c r="C20" s="17"/>
      <c r="D20" s="31" t="e">
        <f t="shared" si="0"/>
        <v>#N/A</v>
      </c>
      <c r="E20" s="17"/>
      <c r="F20" s="16"/>
      <c r="G20" s="19"/>
      <c r="H20" s="16"/>
      <c r="I20" s="16"/>
      <c r="J20" s="78" t="s">
        <v>87</v>
      </c>
      <c r="K20" s="57"/>
      <c r="L20" s="32"/>
      <c r="M20" s="32"/>
      <c r="N20" s="32"/>
      <c r="O20" s="38"/>
      <c r="P20" s="22"/>
      <c r="Q20" s="33"/>
      <c r="R20" s="44"/>
      <c r="S20" s="43" t="s">
        <v>86</v>
      </c>
      <c r="T20" s="43" t="s">
        <v>86</v>
      </c>
      <c r="U20" s="43"/>
      <c r="V20" s="19"/>
      <c r="W20" s="19"/>
      <c r="X20" s="48"/>
      <c r="Y20" s="19"/>
      <c r="Z20" s="48"/>
      <c r="AA20" s="19"/>
      <c r="AB20" s="24"/>
      <c r="AC20" s="24" t="s">
        <v>86</v>
      </c>
      <c r="AD20" s="24"/>
      <c r="AE20" s="24"/>
      <c r="AF20" s="24"/>
      <c r="AG20" s="24"/>
      <c r="AH20" s="24"/>
      <c r="AI20" s="79"/>
      <c r="AJ20" s="79"/>
      <c r="AK20" s="24"/>
      <c r="AL20" s="79"/>
      <c r="AM20" s="24"/>
      <c r="AN20" s="79"/>
      <c r="AO20" s="24" t="s">
        <v>86</v>
      </c>
      <c r="AP20" s="24" t="s">
        <v>86</v>
      </c>
      <c r="AQ20" s="24"/>
      <c r="AR20" s="24" t="s">
        <v>86</v>
      </c>
      <c r="AS20" s="24" t="s">
        <v>86</v>
      </c>
      <c r="AT20" s="24"/>
      <c r="AU20" s="79"/>
      <c r="AV20" s="24"/>
      <c r="AW20" s="79"/>
      <c r="AX20" s="24"/>
      <c r="AY20" s="79"/>
      <c r="AZ20" s="24" t="s">
        <v>86</v>
      </c>
      <c r="BA20" s="24" t="s">
        <v>86</v>
      </c>
      <c r="BB20" s="24"/>
      <c r="BC20" s="19"/>
      <c r="BD20" s="19"/>
      <c r="BE20" s="19"/>
      <c r="BF20" s="58"/>
    </row>
    <row r="21" spans="1:58" s="13" customFormat="1" ht="20.25" customHeight="1">
      <c r="A21" s="25" t="s">
        <v>7</v>
      </c>
    </row>
    <row r="22" spans="1:58" s="13" customFormat="1" ht="20.25" customHeight="1">
      <c r="A22" s="13" t="s">
        <v>4</v>
      </c>
    </row>
    <row r="23" spans="1:58" s="13" customFormat="1" ht="20.25" customHeight="1">
      <c r="A23" s="27" t="s">
        <v>32</v>
      </c>
    </row>
    <row r="24" spans="1:58" s="13" customFormat="1" ht="20.25" customHeight="1">
      <c r="A24" s="13" t="s">
        <v>210</v>
      </c>
    </row>
    <row r="25" spans="1:58" s="13" customFormat="1" ht="20.25" customHeight="1">
      <c r="V25" s="5"/>
      <c r="W25" s="5"/>
      <c r="X25" s="5"/>
      <c r="Y25" s="5"/>
      <c r="Z25" s="5"/>
      <c r="AA25" s="5"/>
    </row>
    <row r="26" spans="1:58" s="13" customFormat="1" ht="20.25" customHeight="1">
      <c r="A26" s="26"/>
      <c r="V26" s="5"/>
      <c r="W26" s="5"/>
      <c r="X26" s="5"/>
      <c r="Y26" s="5"/>
      <c r="Z26" s="5"/>
      <c r="AA26" s="5"/>
    </row>
    <row r="31" spans="1:58" ht="18.75">
      <c r="C31" s="34">
        <v>1</v>
      </c>
      <c r="D31" s="35" t="s">
        <v>35</v>
      </c>
      <c r="G31" s="36"/>
    </row>
    <row r="32" spans="1:58" ht="18.75">
      <c r="C32" s="34">
        <v>2</v>
      </c>
      <c r="D32" s="35" t="s">
        <v>36</v>
      </c>
      <c r="G32" s="36"/>
    </row>
    <row r="33" spans="3:9" ht="18.75">
      <c r="C33" s="34">
        <v>3</v>
      </c>
      <c r="D33" s="35" t="s">
        <v>37</v>
      </c>
      <c r="G33" s="36"/>
    </row>
    <row r="34" spans="3:9" ht="18.75">
      <c r="C34" s="34">
        <v>4</v>
      </c>
      <c r="D34" s="35" t="s">
        <v>38</v>
      </c>
      <c r="G34" s="36"/>
    </row>
    <row r="35" spans="3:9" ht="18.75">
      <c r="C35" s="34">
        <v>5</v>
      </c>
      <c r="D35" s="35" t="s">
        <v>39</v>
      </c>
      <c r="G35" s="36"/>
    </row>
    <row r="36" spans="3:9" ht="18.75">
      <c r="C36" s="34">
        <v>6</v>
      </c>
      <c r="D36" s="37" t="s">
        <v>40</v>
      </c>
      <c r="G36" s="36" t="s">
        <v>27</v>
      </c>
      <c r="I36" s="39" t="s">
        <v>154</v>
      </c>
    </row>
    <row r="37" spans="3:9" ht="18.75">
      <c r="C37" s="34">
        <v>7</v>
      </c>
      <c r="D37" s="37" t="s">
        <v>41</v>
      </c>
      <c r="G37" s="36" t="s">
        <v>28</v>
      </c>
      <c r="I37" s="39" t="s">
        <v>155</v>
      </c>
    </row>
    <row r="38" spans="3:9" ht="18.75">
      <c r="C38" s="34">
        <v>8</v>
      </c>
      <c r="D38" s="35" t="s">
        <v>42</v>
      </c>
      <c r="G38" s="36" t="s">
        <v>29</v>
      </c>
      <c r="I38" s="39" t="s">
        <v>156</v>
      </c>
    </row>
    <row r="39" spans="3:9" ht="18.75">
      <c r="C39" s="34">
        <v>9</v>
      </c>
      <c r="D39" s="35" t="s">
        <v>43</v>
      </c>
      <c r="G39" s="36" t="s">
        <v>30</v>
      </c>
      <c r="I39" s="39" t="s">
        <v>157</v>
      </c>
    </row>
    <row r="40" spans="3:9" ht="18.75">
      <c r="C40" s="34">
        <v>10</v>
      </c>
      <c r="D40" s="35" t="s">
        <v>44</v>
      </c>
      <c r="G40" s="36" t="s">
        <v>31</v>
      </c>
      <c r="I40" s="40" t="s">
        <v>158</v>
      </c>
    </row>
    <row r="41" spans="3:9" ht="18.75">
      <c r="C41" s="34">
        <v>11</v>
      </c>
      <c r="D41" s="35" t="s">
        <v>45</v>
      </c>
      <c r="G41" s="36" t="s">
        <v>26</v>
      </c>
      <c r="I41" s="40" t="s">
        <v>153</v>
      </c>
    </row>
    <row r="42" spans="3:9" ht="18.75">
      <c r="C42" s="34">
        <v>12</v>
      </c>
      <c r="D42" s="35" t="s">
        <v>46</v>
      </c>
      <c r="G42" s="36" t="s">
        <v>25</v>
      </c>
    </row>
    <row r="43" spans="3:9" ht="18.75">
      <c r="C43" s="34">
        <v>13</v>
      </c>
      <c r="D43" s="35" t="s">
        <v>47</v>
      </c>
      <c r="G43" s="36" t="s">
        <v>24</v>
      </c>
    </row>
    <row r="44" spans="3:9" ht="18.75">
      <c r="C44" s="34">
        <v>14</v>
      </c>
      <c r="D44" s="35" t="s">
        <v>48</v>
      </c>
      <c r="G44" s="36" t="s">
        <v>23</v>
      </c>
    </row>
    <row r="45" spans="3:9" ht="18.75">
      <c r="C45" s="34">
        <v>15</v>
      </c>
      <c r="D45" s="35" t="s">
        <v>49</v>
      </c>
      <c r="G45" s="36" t="s">
        <v>22</v>
      </c>
    </row>
    <row r="46" spans="3:9" ht="18.75">
      <c r="C46" s="34">
        <v>16</v>
      </c>
      <c r="D46" s="35" t="s">
        <v>50</v>
      </c>
      <c r="G46" s="36" t="s">
        <v>21</v>
      </c>
    </row>
    <row r="47" spans="3:9" ht="18.75">
      <c r="C47" s="34">
        <v>17</v>
      </c>
      <c r="D47" s="35" t="s">
        <v>51</v>
      </c>
      <c r="G47" s="36" t="s">
        <v>20</v>
      </c>
    </row>
    <row r="48" spans="3:9" ht="18.75">
      <c r="C48" s="34">
        <v>18</v>
      </c>
      <c r="D48" s="35" t="s">
        <v>52</v>
      </c>
      <c r="G48" s="36" t="s">
        <v>19</v>
      </c>
    </row>
    <row r="49" spans="3:7" ht="18.75">
      <c r="C49" s="34">
        <v>19</v>
      </c>
      <c r="D49" s="35" t="s">
        <v>53</v>
      </c>
      <c r="G49" s="36" t="s">
        <v>18</v>
      </c>
    </row>
    <row r="50" spans="3:7" ht="18.75">
      <c r="C50" s="34">
        <v>20</v>
      </c>
      <c r="D50" s="35" t="s">
        <v>54</v>
      </c>
      <c r="G50" s="36" t="s">
        <v>17</v>
      </c>
    </row>
    <row r="51" spans="3:7" ht="18.75">
      <c r="C51" s="34">
        <v>21</v>
      </c>
      <c r="D51" s="35" t="s">
        <v>55</v>
      </c>
      <c r="G51" s="36" t="s">
        <v>16</v>
      </c>
    </row>
    <row r="52" spans="3:7" ht="18.75">
      <c r="C52" s="34">
        <v>22</v>
      </c>
      <c r="D52" s="35" t="s">
        <v>56</v>
      </c>
      <c r="G52" s="36" t="s">
        <v>15</v>
      </c>
    </row>
    <row r="53" spans="3:7" ht="18.75">
      <c r="C53" s="34">
        <v>23</v>
      </c>
      <c r="D53" s="35" t="s">
        <v>57</v>
      </c>
      <c r="G53" s="36" t="s">
        <v>14</v>
      </c>
    </row>
    <row r="54" spans="3:7" ht="18.75">
      <c r="C54" s="34">
        <v>24</v>
      </c>
      <c r="D54" s="35" t="s">
        <v>58</v>
      </c>
      <c r="G54" s="36" t="s">
        <v>33</v>
      </c>
    </row>
    <row r="55" spans="3:7" ht="18.75">
      <c r="C55" s="34">
        <v>25</v>
      </c>
      <c r="D55" s="35" t="s">
        <v>59</v>
      </c>
      <c r="G55" s="36" t="s">
        <v>13</v>
      </c>
    </row>
    <row r="56" spans="3:7" ht="18.75">
      <c r="C56" s="34">
        <v>26</v>
      </c>
      <c r="D56" s="35" t="s">
        <v>60</v>
      </c>
      <c r="G56" s="36" t="s">
        <v>12</v>
      </c>
    </row>
    <row r="57" spans="3:7" ht="18.75">
      <c r="C57" s="34">
        <v>27</v>
      </c>
      <c r="D57" s="35" t="s">
        <v>61</v>
      </c>
    </row>
    <row r="58" spans="3:7" ht="18.75">
      <c r="C58" s="34">
        <v>28</v>
      </c>
      <c r="D58" s="35" t="s">
        <v>62</v>
      </c>
    </row>
    <row r="59" spans="3:7" ht="18.75">
      <c r="C59" s="34">
        <v>29</v>
      </c>
      <c r="D59" s="35" t="s">
        <v>63</v>
      </c>
    </row>
    <row r="60" spans="3:7" ht="18.75">
      <c r="C60" s="34">
        <v>30</v>
      </c>
      <c r="D60" s="35" t="s">
        <v>64</v>
      </c>
    </row>
    <row r="61" spans="3:7" ht="18.75">
      <c r="C61" s="34">
        <v>31</v>
      </c>
      <c r="D61" s="35" t="s">
        <v>65</v>
      </c>
    </row>
    <row r="62" spans="3:7" ht="18.75">
      <c r="C62" s="34">
        <v>32</v>
      </c>
      <c r="D62" s="35" t="s">
        <v>66</v>
      </c>
    </row>
    <row r="63" spans="3:7" ht="18.75">
      <c r="C63" s="34">
        <v>33</v>
      </c>
      <c r="D63" s="35" t="s">
        <v>67</v>
      </c>
    </row>
    <row r="64" spans="3:7" ht="18.75">
      <c r="C64" s="34">
        <v>34</v>
      </c>
      <c r="D64" s="35" t="s">
        <v>68</v>
      </c>
    </row>
    <row r="65" spans="3:4" ht="18.75">
      <c r="C65" s="34">
        <v>35</v>
      </c>
      <c r="D65" s="35" t="s">
        <v>69</v>
      </c>
    </row>
    <row r="66" spans="3:4" ht="18.75">
      <c r="C66" s="34">
        <v>36</v>
      </c>
      <c r="D66" s="35" t="s">
        <v>70</v>
      </c>
    </row>
    <row r="67" spans="3:4" ht="18.75">
      <c r="C67" s="34">
        <v>37</v>
      </c>
      <c r="D67" s="35" t="s">
        <v>71</v>
      </c>
    </row>
    <row r="68" spans="3:4" ht="18.75">
      <c r="C68" s="34">
        <v>38</v>
      </c>
      <c r="D68" s="35" t="s">
        <v>72</v>
      </c>
    </row>
    <row r="69" spans="3:4" ht="18.75">
      <c r="C69" s="34">
        <v>39</v>
      </c>
      <c r="D69" s="35" t="s">
        <v>73</v>
      </c>
    </row>
    <row r="70" spans="3:4" ht="18.75">
      <c r="C70" s="34">
        <v>40</v>
      </c>
      <c r="D70" s="35" t="s">
        <v>74</v>
      </c>
    </row>
    <row r="71" spans="3:4" ht="18.75">
      <c r="C71" s="34">
        <v>41</v>
      </c>
      <c r="D71" s="35" t="s">
        <v>75</v>
      </c>
    </row>
    <row r="72" spans="3:4" ht="18.75">
      <c r="C72" s="34">
        <v>42</v>
      </c>
      <c r="D72" s="35" t="s">
        <v>76</v>
      </c>
    </row>
    <row r="73" spans="3:4" ht="18.75">
      <c r="C73" s="34">
        <v>43</v>
      </c>
      <c r="D73" s="35" t="s">
        <v>77</v>
      </c>
    </row>
    <row r="74" spans="3:4" ht="18.75">
      <c r="C74" s="34">
        <v>44</v>
      </c>
      <c r="D74" s="35" t="s">
        <v>78</v>
      </c>
    </row>
    <row r="75" spans="3:4" ht="18.75">
      <c r="C75" s="34">
        <v>45</v>
      </c>
      <c r="D75" s="35" t="s">
        <v>79</v>
      </c>
    </row>
    <row r="76" spans="3:4" ht="18.75">
      <c r="C76" s="34">
        <v>46</v>
      </c>
      <c r="D76" s="35" t="s">
        <v>80</v>
      </c>
    </row>
    <row r="77" spans="3:4" ht="18.75">
      <c r="C77" s="34">
        <v>47</v>
      </c>
      <c r="D77" s="35" t="s">
        <v>81</v>
      </c>
    </row>
  </sheetData>
  <dataConsolidate/>
  <mergeCells count="43">
    <mergeCell ref="V2:W2"/>
    <mergeCell ref="V3:V5"/>
    <mergeCell ref="W3:W5"/>
    <mergeCell ref="X2:Y2"/>
    <mergeCell ref="Z2:AA2"/>
    <mergeCell ref="BD3:BD5"/>
    <mergeCell ref="BE3:BE5"/>
    <mergeCell ref="X3:X5"/>
    <mergeCell ref="Y3:Y5"/>
    <mergeCell ref="Z3:Z5"/>
    <mergeCell ref="AA3:AA5"/>
    <mergeCell ref="K3:K5"/>
    <mergeCell ref="Q3:Q5"/>
    <mergeCell ref="S3:S5"/>
    <mergeCell ref="BF3:BF5"/>
    <mergeCell ref="AB4:AD4"/>
    <mergeCell ref="AH4:AJ4"/>
    <mergeCell ref="AM4:AP4"/>
    <mergeCell ref="AQ4:AS4"/>
    <mergeCell ref="AT4:AU4"/>
    <mergeCell ref="T3:T5"/>
    <mergeCell ref="AV4:AW4"/>
    <mergeCell ref="AX4:BA4"/>
    <mergeCell ref="AB3:BB3"/>
    <mergeCell ref="BC3:BC5"/>
    <mergeCell ref="AK4:AL4"/>
    <mergeCell ref="M3:M5"/>
    <mergeCell ref="F3:F5"/>
    <mergeCell ref="G3:G5"/>
    <mergeCell ref="H3:H5"/>
    <mergeCell ref="I3:I5"/>
    <mergeCell ref="J3:J5"/>
    <mergeCell ref="A3:A5"/>
    <mergeCell ref="B3:B5"/>
    <mergeCell ref="C3:C5"/>
    <mergeCell ref="D3:D5"/>
    <mergeCell ref="E3:E5"/>
    <mergeCell ref="O3:O5"/>
    <mergeCell ref="P3:P5"/>
    <mergeCell ref="L3:L5"/>
    <mergeCell ref="R3:R5"/>
    <mergeCell ref="U3:U5"/>
    <mergeCell ref="N3:N5"/>
  </mergeCells>
  <phoneticPr fontId="1"/>
  <dataValidations xWindow="1430" yWindow="560" count="24">
    <dataValidation type="list" showInputMessage="1" showErrorMessage="1" errorTitle="ドロップダウンリストより選択してください" sqref="J6:J20">
      <formula1>$I$36:$I$41</formula1>
    </dataValidation>
    <dataValidation type="list" allowBlank="1" showInputMessage="1" showErrorMessage="1" promptTitle="施設の種類を選択してください" sqref="G6:G20">
      <formula1>$G$36:$G$56</formula1>
    </dataValidation>
    <dataValidation allowBlank="1" showErrorMessage="1" promptTitle="年月日を記載してください" prompt="書式設定を変更せずに、年月日を記載してください" sqref="BF6:BF20"/>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P6:P20"/>
    <dataValidation showInputMessage="1" showErrorMessage="1" errorTitle="ドロップダウンリストより選択してください" promptTitle="千円単位" prompt="千円単位で記載してください" sqref="L6:N20"/>
    <dataValidation showInputMessage="1" showErrorMessage="1" errorTitle="ドロップダウンリストより選択してください" promptTitle="地方（実施主体）負担額の入力" prompt="地方（実施主体）負担額を入力してください。_x000a_千円未満は、小数点以下で入力てください。_x000a_（123,456円→123.456）" sqref="Q6:Q20"/>
    <dataValidation type="list" showInputMessage="1" showErrorMessage="1" errorTitle="ドロップダウンリストより選択してください" sqref="AB6:AB20 AT6:AT20 AV6:AV20 AX6:AX20 AQ6:AQ20 AE6:AH20 BB6:BB20 AJ6:AK20 AM6:AM20">
      <formula1>"○"</formula1>
    </dataValidation>
    <dataValidation allowBlank="1" showInputMessage="1" showErrorMessage="1" promptTitle="内示を受ける自治体名" sqref="F6:F20"/>
    <dataValidation type="list" showInputMessage="1" showErrorMessage="1" errorTitle="ドロップダウンリストより選択してください" sqref="AD7:AD20">
      <formula1>"津波,出水,高潮"</formula1>
    </dataValidation>
    <dataValidation showInputMessage="1" showErrorMessage="1" errorTitle="ドロップダウンリストより選択してください" sqref="AI6:AI20 AD6 AU6:AU20 AN6:AN20 AW6:AW20 AY6:AY20 AL6:AL20"/>
    <dataValidation type="list" allowBlank="1" showInputMessage="1" showErrorMessage="1" sqref="T6:T20">
      <formula1>"リストから選択, 有,無"</formula1>
    </dataValidation>
    <dataValidation type="list" showInputMessage="1" showErrorMessage="1" errorTitle="ドロップダウンリストより選択してください" sqref="AC6:AC20">
      <formula1>"リストから選択,急傾斜地崩壊,津波,出水,高潮,その他"</formula1>
    </dataValidation>
    <dataValidation type="list" showInputMessage="1" showErrorMessage="1" errorTitle="ドロップダウンリストより選択してください" sqref="AO6:AP20 AZ6:BA20 AR6:AS20">
      <formula1>"リストから選択,有,無"</formula1>
    </dataValidation>
    <dataValidation type="list" allowBlank="1" showInputMessage="1" showErrorMessage="1" sqref="S6:S20">
      <formula1>"リストから選択,平屋,2階建て以上"</formula1>
    </dataValidation>
    <dataValidation showInputMessage="1" showErrorMessage="1" errorTitle="ドロップダウンリストより選択してください" promptTitle="総事業費の1/2" prompt="総事業費の1/2を千円単位で入力してください" sqref="O6:O20"/>
    <dataValidation type="list" errorStyle="warning" allowBlank="1" showInputMessage="1" errorTitle="補助対象外です。" error="単なる可搬型の自家発電設備の整備は、原則補助対象外です。" sqref="BC6:BC20">
      <formula1>"○"</formula1>
    </dataValidation>
    <dataValidation type="list" errorStyle="warning" allowBlank="1" errorTitle="補助対象外です。" error="単なる可搬型の自家発電設備の整備は、原則補助対象外です。" prompt="単なる可搬型の自家発電設備の整備は、原則補助対象外です。" sqref="BD6:BD20">
      <formula1>"○,×"</formula1>
    </dataValidation>
    <dataValidation type="list" errorStyle="warning" allowBlank="1" showInputMessage="1" showErrorMessage="1" errorTitle="理由書の提出が必須です。" error="併設される老人短期入所施設があるものの、按分を行わない場合は、理由書の提出が必須です。" sqref="BE6:BE20">
      <formula1>"○"</formula1>
    </dataValidation>
    <dataValidation type="list" allowBlank="1" showInputMessage="1" showErrorMessage="1" errorTitle="ドロップダウンリストより選択してください" promptTitle="避難確保計画の作成について" prompt="対象施設について避難確保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X6:X20">
      <formula1>"作成済み,作成見込み,未作成"</formula1>
    </dataValidation>
    <dataValidation allowBlank="1" showInputMessage="1" showErrorMessage="1" promptTitle="作成時期について" prompt="非常災害対策計画において「作成見込み」と回答した場合、具体的な日付を明記してください。" sqref="AA6:AA20"/>
    <dataValidation allowBlank="1" showInputMessage="1" showErrorMessage="1" promptTitle="作成時期について" prompt="避難確保計画において「作成見込み」と回答した場合、具体的な日付を明記してください。" sqref="Y6:Y20"/>
    <dataValidation type="list" allowBlank="1" showInputMessage="1" showErrorMessage="1" errorTitle="ドロップダウンリストより選択してください" promptTitle="非常災害対策計画の作成について" prompt="対象施設について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Z6:Z20">
      <formula1>"作成済み,作成見込み,未作成"</formula1>
    </dataValidation>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V6:V20">
      <formula1>"作成済み,作成見込み,未作成"</formula1>
    </dataValidation>
    <dataValidation allowBlank="1" showInputMessage="1" showErrorMessage="1" promptTitle="作成時期について" prompt="業務継続計画（BCP)において「作成見込み」と回答した場合、具体的な日付を明記してください。" sqref="W6:W20"/>
  </dataValidations>
  <pageMargins left="0.93" right="0.16" top="0.74803149606299213" bottom="0.74803149606299213" header="0.31496062992125984" footer="0.31496062992125984"/>
  <pageSetup paperSize="8" scale="17" fitToHeight="0" orientation="landscape" r:id="rId1"/>
  <colBreaks count="1" manualBreakCount="1">
    <brk id="27" max="2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AI80"/>
  <sheetViews>
    <sheetView view="pageBreakPreview" topLeftCell="M1" zoomScale="80" zoomScaleNormal="100" zoomScaleSheetLayoutView="80" workbookViewId="0">
      <pane ySplit="3" topLeftCell="A4" activePane="bottomLeft" state="frozen"/>
      <selection activeCell="L40" activeCellId="1" sqref="R20 L40"/>
      <selection pane="bottomLeft" activeCell="U13" sqref="U13"/>
    </sheetView>
  </sheetViews>
  <sheetFormatPr defaultColWidth="4.25" defaultRowHeight="16.5"/>
  <cols>
    <col min="1" max="1" width="4.125" style="14" bestFit="1" customWidth="1"/>
    <col min="2" max="2" width="14.375" style="14" customWidth="1"/>
    <col min="3" max="3" width="9.75" style="14" customWidth="1"/>
    <col min="4" max="5" width="12.375" style="14" customWidth="1"/>
    <col min="6" max="6" width="17.125" style="14" customWidth="1"/>
    <col min="7" max="9" width="28.5" style="14" customWidth="1"/>
    <col min="10" max="10" width="43" style="14" customWidth="1"/>
    <col min="11" max="11" width="12.875" style="14" customWidth="1"/>
    <col min="12" max="13" width="15" style="14" customWidth="1"/>
    <col min="14" max="16" width="12.875" style="14" customWidth="1"/>
    <col min="17" max="18" width="16.125" style="14" customWidth="1"/>
    <col min="19" max="19" width="21.75" style="14" customWidth="1"/>
    <col min="20" max="20" width="17" style="14" customWidth="1"/>
    <col min="21" max="22" width="17" style="119" customWidth="1"/>
    <col min="23" max="24" width="10.625" style="14" customWidth="1"/>
    <col min="25" max="30" width="10.5" style="14" customWidth="1"/>
    <col min="31" max="31" width="12.625" style="14" customWidth="1"/>
    <col min="32" max="34" width="12.75" style="14" customWidth="1"/>
    <col min="35" max="35" width="11.625" style="14" customWidth="1"/>
    <col min="36" max="16384" width="4.25" style="14"/>
  </cols>
  <sheetData>
    <row r="1" spans="1:35" ht="24">
      <c r="O1" s="117"/>
      <c r="P1" s="118"/>
      <c r="U1" s="14"/>
      <c r="V1" s="14"/>
      <c r="AI1" s="46" t="s">
        <v>187</v>
      </c>
    </row>
    <row r="2" spans="1:35" ht="20.100000000000001" customHeight="1">
      <c r="A2" s="15" t="s">
        <v>147</v>
      </c>
      <c r="U2" s="14"/>
      <c r="V2" s="14"/>
      <c r="Y2" s="124" t="s">
        <v>222</v>
      </c>
      <c r="Z2" s="124"/>
      <c r="AA2" s="124" t="s">
        <v>176</v>
      </c>
      <c r="AB2" s="124"/>
      <c r="AC2" s="124" t="s">
        <v>174</v>
      </c>
      <c r="AD2" s="124"/>
      <c r="AE2" s="65" t="s">
        <v>166</v>
      </c>
      <c r="AF2" s="66"/>
      <c r="AG2" s="66"/>
      <c r="AH2" s="66"/>
    </row>
    <row r="3" spans="1:35" ht="96" customHeight="1">
      <c r="A3" s="93" t="s">
        <v>0</v>
      </c>
      <c r="B3" s="64" t="s">
        <v>1</v>
      </c>
      <c r="C3" s="64" t="s">
        <v>34</v>
      </c>
      <c r="D3" s="94" t="s">
        <v>104</v>
      </c>
      <c r="E3" s="64" t="s">
        <v>2</v>
      </c>
      <c r="F3" s="64" t="s">
        <v>214</v>
      </c>
      <c r="G3" s="64" t="s">
        <v>11</v>
      </c>
      <c r="H3" s="64" t="s">
        <v>6</v>
      </c>
      <c r="I3" s="64" t="s">
        <v>3</v>
      </c>
      <c r="J3" s="57" t="s">
        <v>146</v>
      </c>
      <c r="K3" s="64" t="s">
        <v>10</v>
      </c>
      <c r="L3" s="64" t="s">
        <v>99</v>
      </c>
      <c r="M3" s="64" t="s">
        <v>215</v>
      </c>
      <c r="N3" s="64" t="s">
        <v>9</v>
      </c>
      <c r="O3" s="94" t="s">
        <v>8</v>
      </c>
      <c r="P3" s="57" t="s">
        <v>160</v>
      </c>
      <c r="Q3" s="95" t="s">
        <v>181</v>
      </c>
      <c r="R3" s="96" t="s">
        <v>230</v>
      </c>
      <c r="S3" s="55" t="s">
        <v>233</v>
      </c>
      <c r="T3" s="97" t="s">
        <v>102</v>
      </c>
      <c r="U3" s="98" t="s">
        <v>172</v>
      </c>
      <c r="V3" s="98" t="s">
        <v>183</v>
      </c>
      <c r="W3" s="64" t="s">
        <v>211</v>
      </c>
      <c r="X3" s="116" t="s">
        <v>162</v>
      </c>
      <c r="Y3" s="111" t="s">
        <v>101</v>
      </c>
      <c r="Z3" s="111" t="s">
        <v>173</v>
      </c>
      <c r="AA3" s="64" t="s">
        <v>175</v>
      </c>
      <c r="AB3" s="64" t="s">
        <v>173</v>
      </c>
      <c r="AC3" s="64" t="s">
        <v>175</v>
      </c>
      <c r="AD3" s="64" t="s">
        <v>173</v>
      </c>
      <c r="AE3" s="64" t="s">
        <v>165</v>
      </c>
      <c r="AF3" s="64" t="s">
        <v>227</v>
      </c>
      <c r="AG3" s="64" t="s">
        <v>167</v>
      </c>
      <c r="AH3" s="64" t="s">
        <v>228</v>
      </c>
      <c r="AI3" s="57" t="s">
        <v>5</v>
      </c>
    </row>
    <row r="4" spans="1:35" ht="20.25" customHeight="1">
      <c r="A4" s="42">
        <v>1</v>
      </c>
      <c r="B4" s="16"/>
      <c r="C4" s="17"/>
      <c r="D4" s="18" t="e">
        <f t="shared" ref="D4:D18" si="0">VLOOKUP(C4,$C$30:$D$76,2)</f>
        <v>#N/A</v>
      </c>
      <c r="E4" s="17"/>
      <c r="F4" s="19"/>
      <c r="G4" s="19"/>
      <c r="H4" s="19"/>
      <c r="I4" s="16"/>
      <c r="J4" s="57"/>
      <c r="K4" s="20"/>
      <c r="L4" s="20"/>
      <c r="M4" s="20"/>
      <c r="N4" s="38"/>
      <c r="O4" s="22"/>
      <c r="P4" s="23"/>
      <c r="Q4" s="109"/>
      <c r="R4" s="16"/>
      <c r="S4" s="58"/>
      <c r="T4" s="59" t="e">
        <f>S4/R4</f>
        <v>#DIV/0!</v>
      </c>
      <c r="U4" s="63"/>
      <c r="V4" s="24"/>
      <c r="W4" s="24"/>
      <c r="X4" s="19"/>
      <c r="Y4" s="19"/>
      <c r="Z4" s="19"/>
      <c r="AA4" s="19"/>
      <c r="AB4" s="19"/>
      <c r="AC4" s="19"/>
      <c r="AD4" s="19"/>
      <c r="AE4" s="64"/>
      <c r="AF4" s="19"/>
      <c r="AG4" s="19"/>
      <c r="AH4" s="19"/>
      <c r="AI4" s="58"/>
    </row>
    <row r="5" spans="1:35" ht="20.25" customHeight="1">
      <c r="A5" s="42">
        <v>2</v>
      </c>
      <c r="B5" s="16"/>
      <c r="C5" s="17"/>
      <c r="D5" s="18" t="e">
        <f t="shared" si="0"/>
        <v>#N/A</v>
      </c>
      <c r="E5" s="17"/>
      <c r="F5" s="19"/>
      <c r="G5" s="19"/>
      <c r="H5" s="19"/>
      <c r="I5" s="16"/>
      <c r="J5" s="57"/>
      <c r="K5" s="20"/>
      <c r="L5" s="20"/>
      <c r="M5" s="20"/>
      <c r="N5" s="38"/>
      <c r="O5" s="22"/>
      <c r="P5" s="23"/>
      <c r="Q5" s="109"/>
      <c r="R5" s="16"/>
      <c r="S5" s="58"/>
      <c r="T5" s="59" t="e">
        <f t="shared" ref="T5:T18" si="1">S5/R5</f>
        <v>#DIV/0!</v>
      </c>
      <c r="U5" s="63"/>
      <c r="V5" s="24"/>
      <c r="W5" s="24"/>
      <c r="X5" s="19"/>
      <c r="Y5" s="19"/>
      <c r="Z5" s="19"/>
      <c r="AA5" s="19"/>
      <c r="AB5" s="19"/>
      <c r="AC5" s="19"/>
      <c r="AD5" s="19"/>
      <c r="AE5" s="64"/>
      <c r="AF5" s="19"/>
      <c r="AG5" s="19"/>
      <c r="AH5" s="19"/>
      <c r="AI5" s="58"/>
    </row>
    <row r="6" spans="1:35" ht="20.25" customHeight="1">
      <c r="A6" s="42">
        <v>3</v>
      </c>
      <c r="B6" s="16"/>
      <c r="C6" s="17"/>
      <c r="D6" s="18" t="e">
        <f t="shared" si="0"/>
        <v>#N/A</v>
      </c>
      <c r="E6" s="17"/>
      <c r="F6" s="42"/>
      <c r="G6" s="19"/>
      <c r="H6" s="19"/>
      <c r="I6" s="16"/>
      <c r="J6" s="57"/>
      <c r="K6" s="20"/>
      <c r="L6" s="20"/>
      <c r="M6" s="20"/>
      <c r="N6" s="38"/>
      <c r="O6" s="22"/>
      <c r="P6" s="23"/>
      <c r="Q6" s="109"/>
      <c r="R6" s="16"/>
      <c r="S6" s="58"/>
      <c r="T6" s="59" t="e">
        <f t="shared" si="1"/>
        <v>#DIV/0!</v>
      </c>
      <c r="U6" s="63"/>
      <c r="V6" s="24"/>
      <c r="W6" s="24"/>
      <c r="X6" s="19"/>
      <c r="Y6" s="19"/>
      <c r="Z6" s="19"/>
      <c r="AA6" s="19"/>
      <c r="AB6" s="19"/>
      <c r="AC6" s="19"/>
      <c r="AD6" s="19"/>
      <c r="AE6" s="64"/>
      <c r="AF6" s="19"/>
      <c r="AG6" s="19"/>
      <c r="AH6" s="19"/>
      <c r="AI6" s="58"/>
    </row>
    <row r="7" spans="1:35" ht="20.25" customHeight="1">
      <c r="A7" s="42">
        <v>4</v>
      </c>
      <c r="B7" s="16"/>
      <c r="C7" s="17"/>
      <c r="D7" s="18" t="e">
        <f t="shared" si="0"/>
        <v>#N/A</v>
      </c>
      <c r="E7" s="17"/>
      <c r="F7" s="19"/>
      <c r="G7" s="19"/>
      <c r="H7" s="19"/>
      <c r="I7" s="16"/>
      <c r="J7" s="57"/>
      <c r="K7" s="20"/>
      <c r="L7" s="20"/>
      <c r="M7" s="20"/>
      <c r="N7" s="38"/>
      <c r="O7" s="22"/>
      <c r="P7" s="23"/>
      <c r="Q7" s="109"/>
      <c r="R7" s="16"/>
      <c r="S7" s="58"/>
      <c r="T7" s="59" t="e">
        <f t="shared" si="1"/>
        <v>#DIV/0!</v>
      </c>
      <c r="U7" s="63"/>
      <c r="V7" s="24"/>
      <c r="W7" s="24"/>
      <c r="X7" s="19"/>
      <c r="Y7" s="19"/>
      <c r="Z7" s="19"/>
      <c r="AA7" s="19"/>
      <c r="AB7" s="19"/>
      <c r="AC7" s="19"/>
      <c r="AD7" s="19"/>
      <c r="AE7" s="64"/>
      <c r="AF7" s="19"/>
      <c r="AG7" s="19"/>
      <c r="AH7" s="19"/>
      <c r="AI7" s="58"/>
    </row>
    <row r="8" spans="1:35" ht="20.25" customHeight="1">
      <c r="A8" s="42">
        <v>5</v>
      </c>
      <c r="B8" s="16"/>
      <c r="C8" s="17"/>
      <c r="D8" s="18" t="e">
        <f t="shared" si="0"/>
        <v>#N/A</v>
      </c>
      <c r="E8" s="17"/>
      <c r="F8" s="19"/>
      <c r="G8" s="19"/>
      <c r="H8" s="19"/>
      <c r="I8" s="16"/>
      <c r="J8" s="57"/>
      <c r="K8" s="20"/>
      <c r="L8" s="20"/>
      <c r="M8" s="20"/>
      <c r="N8" s="38"/>
      <c r="O8" s="22"/>
      <c r="P8" s="23"/>
      <c r="Q8" s="109"/>
      <c r="R8" s="16"/>
      <c r="S8" s="58"/>
      <c r="T8" s="59" t="e">
        <f t="shared" si="1"/>
        <v>#DIV/0!</v>
      </c>
      <c r="U8" s="63"/>
      <c r="V8" s="24"/>
      <c r="W8" s="24"/>
      <c r="X8" s="19"/>
      <c r="Y8" s="19"/>
      <c r="Z8" s="19"/>
      <c r="AA8" s="19"/>
      <c r="AB8" s="19"/>
      <c r="AC8" s="19"/>
      <c r="AD8" s="19"/>
      <c r="AE8" s="64"/>
      <c r="AF8" s="19"/>
      <c r="AG8" s="19"/>
      <c r="AH8" s="19"/>
      <c r="AI8" s="58"/>
    </row>
    <row r="9" spans="1:35" ht="20.25" customHeight="1">
      <c r="A9" s="42">
        <v>6</v>
      </c>
      <c r="B9" s="16"/>
      <c r="C9" s="17"/>
      <c r="D9" s="18" t="e">
        <f t="shared" si="0"/>
        <v>#N/A</v>
      </c>
      <c r="E9" s="17"/>
      <c r="F9" s="19"/>
      <c r="G9" s="19"/>
      <c r="H9" s="19"/>
      <c r="I9" s="16"/>
      <c r="J9" s="57"/>
      <c r="K9" s="20"/>
      <c r="L9" s="20"/>
      <c r="M9" s="20"/>
      <c r="N9" s="38"/>
      <c r="O9" s="22"/>
      <c r="P9" s="23"/>
      <c r="Q9" s="109"/>
      <c r="R9" s="16"/>
      <c r="S9" s="58"/>
      <c r="T9" s="59" t="e">
        <f t="shared" si="1"/>
        <v>#DIV/0!</v>
      </c>
      <c r="U9" s="63"/>
      <c r="V9" s="24"/>
      <c r="W9" s="24"/>
      <c r="X9" s="19"/>
      <c r="Y9" s="19"/>
      <c r="Z9" s="19"/>
      <c r="AA9" s="19"/>
      <c r="AB9" s="19"/>
      <c r="AC9" s="19"/>
      <c r="AD9" s="19"/>
      <c r="AE9" s="64"/>
      <c r="AF9" s="19"/>
      <c r="AG9" s="19"/>
      <c r="AH9" s="19"/>
      <c r="AI9" s="58"/>
    </row>
    <row r="10" spans="1:35" ht="20.25" customHeight="1">
      <c r="A10" s="42">
        <v>7</v>
      </c>
      <c r="B10" s="16"/>
      <c r="C10" s="17"/>
      <c r="D10" s="18" t="e">
        <f t="shared" si="0"/>
        <v>#N/A</v>
      </c>
      <c r="E10" s="17"/>
      <c r="F10" s="19"/>
      <c r="G10" s="19"/>
      <c r="H10" s="19"/>
      <c r="I10" s="16"/>
      <c r="J10" s="57"/>
      <c r="K10" s="20"/>
      <c r="L10" s="20"/>
      <c r="M10" s="20"/>
      <c r="N10" s="38"/>
      <c r="O10" s="22"/>
      <c r="P10" s="23"/>
      <c r="Q10" s="109"/>
      <c r="R10" s="16"/>
      <c r="S10" s="58"/>
      <c r="T10" s="59" t="e">
        <f t="shared" si="1"/>
        <v>#DIV/0!</v>
      </c>
      <c r="U10" s="63"/>
      <c r="V10" s="24"/>
      <c r="W10" s="24"/>
      <c r="X10" s="19"/>
      <c r="Y10" s="19"/>
      <c r="Z10" s="19"/>
      <c r="AA10" s="19"/>
      <c r="AB10" s="19"/>
      <c r="AC10" s="19"/>
      <c r="AD10" s="19"/>
      <c r="AE10" s="64"/>
      <c r="AF10" s="19"/>
      <c r="AG10" s="19"/>
      <c r="AH10" s="19"/>
      <c r="AI10" s="58"/>
    </row>
    <row r="11" spans="1:35" ht="20.25" customHeight="1">
      <c r="A11" s="42">
        <v>8</v>
      </c>
      <c r="B11" s="16"/>
      <c r="C11" s="17"/>
      <c r="D11" s="18" t="e">
        <f t="shared" si="0"/>
        <v>#N/A</v>
      </c>
      <c r="E11" s="17"/>
      <c r="F11" s="19"/>
      <c r="G11" s="19"/>
      <c r="H11" s="19"/>
      <c r="I11" s="16"/>
      <c r="J11" s="57"/>
      <c r="K11" s="20"/>
      <c r="L11" s="20"/>
      <c r="M11" s="20"/>
      <c r="N11" s="38"/>
      <c r="O11" s="22"/>
      <c r="P11" s="23"/>
      <c r="Q11" s="109"/>
      <c r="R11" s="16"/>
      <c r="S11" s="58"/>
      <c r="T11" s="59" t="e">
        <f t="shared" si="1"/>
        <v>#DIV/0!</v>
      </c>
      <c r="U11" s="63"/>
      <c r="V11" s="24"/>
      <c r="W11" s="24"/>
      <c r="X11" s="19"/>
      <c r="Y11" s="19"/>
      <c r="Z11" s="19"/>
      <c r="AA11" s="19"/>
      <c r="AB11" s="19"/>
      <c r="AC11" s="19"/>
      <c r="AD11" s="19"/>
      <c r="AE11" s="64"/>
      <c r="AF11" s="19"/>
      <c r="AG11" s="19"/>
      <c r="AH11" s="19"/>
      <c r="AI11" s="58"/>
    </row>
    <row r="12" spans="1:35" ht="20.25" customHeight="1">
      <c r="A12" s="42">
        <v>9</v>
      </c>
      <c r="B12" s="16"/>
      <c r="C12" s="17"/>
      <c r="D12" s="18" t="e">
        <f t="shared" si="0"/>
        <v>#N/A</v>
      </c>
      <c r="E12" s="17"/>
      <c r="F12" s="19"/>
      <c r="G12" s="19"/>
      <c r="H12" s="19"/>
      <c r="I12" s="16"/>
      <c r="J12" s="57"/>
      <c r="K12" s="20"/>
      <c r="L12" s="20"/>
      <c r="M12" s="20"/>
      <c r="N12" s="38"/>
      <c r="O12" s="22"/>
      <c r="P12" s="23"/>
      <c r="Q12" s="109"/>
      <c r="R12" s="16"/>
      <c r="S12" s="58"/>
      <c r="T12" s="59" t="e">
        <f t="shared" si="1"/>
        <v>#DIV/0!</v>
      </c>
      <c r="U12" s="63"/>
      <c r="V12" s="24"/>
      <c r="W12" s="24"/>
      <c r="X12" s="19"/>
      <c r="Y12" s="19"/>
      <c r="Z12" s="19"/>
      <c r="AA12" s="19"/>
      <c r="AB12" s="19"/>
      <c r="AC12" s="19"/>
      <c r="AD12" s="19"/>
      <c r="AE12" s="64"/>
      <c r="AF12" s="19"/>
      <c r="AG12" s="19"/>
      <c r="AH12" s="19"/>
      <c r="AI12" s="58"/>
    </row>
    <row r="13" spans="1:35" ht="20.25" customHeight="1">
      <c r="A13" s="42">
        <v>10</v>
      </c>
      <c r="B13" s="16"/>
      <c r="C13" s="17"/>
      <c r="D13" s="18" t="e">
        <f t="shared" si="0"/>
        <v>#N/A</v>
      </c>
      <c r="E13" s="17"/>
      <c r="F13" s="19"/>
      <c r="G13" s="19"/>
      <c r="H13" s="19"/>
      <c r="I13" s="16"/>
      <c r="J13" s="57"/>
      <c r="K13" s="20"/>
      <c r="L13" s="20"/>
      <c r="M13" s="20"/>
      <c r="N13" s="38"/>
      <c r="O13" s="22"/>
      <c r="P13" s="23"/>
      <c r="Q13" s="109"/>
      <c r="R13" s="16"/>
      <c r="S13" s="58"/>
      <c r="T13" s="59" t="e">
        <f t="shared" si="1"/>
        <v>#DIV/0!</v>
      </c>
      <c r="U13" s="63"/>
      <c r="V13" s="24"/>
      <c r="W13" s="24"/>
      <c r="X13" s="19"/>
      <c r="Y13" s="19"/>
      <c r="Z13" s="19"/>
      <c r="AA13" s="19"/>
      <c r="AB13" s="19"/>
      <c r="AC13" s="19"/>
      <c r="AD13" s="19"/>
      <c r="AE13" s="64"/>
      <c r="AF13" s="19"/>
      <c r="AG13" s="19"/>
      <c r="AH13" s="19"/>
      <c r="AI13" s="58"/>
    </row>
    <row r="14" spans="1:35" ht="20.25" customHeight="1">
      <c r="A14" s="42">
        <v>11</v>
      </c>
      <c r="B14" s="16"/>
      <c r="C14" s="17"/>
      <c r="D14" s="18" t="e">
        <f t="shared" si="0"/>
        <v>#N/A</v>
      </c>
      <c r="E14" s="17"/>
      <c r="F14" s="19"/>
      <c r="G14" s="19"/>
      <c r="H14" s="19"/>
      <c r="I14" s="16"/>
      <c r="J14" s="57"/>
      <c r="K14" s="20"/>
      <c r="L14" s="20"/>
      <c r="M14" s="20"/>
      <c r="N14" s="38"/>
      <c r="O14" s="22"/>
      <c r="P14" s="23"/>
      <c r="Q14" s="109"/>
      <c r="R14" s="16"/>
      <c r="S14" s="58"/>
      <c r="T14" s="59" t="e">
        <f t="shared" si="1"/>
        <v>#DIV/0!</v>
      </c>
      <c r="U14" s="63"/>
      <c r="V14" s="24"/>
      <c r="W14" s="24"/>
      <c r="X14" s="19"/>
      <c r="Y14" s="19"/>
      <c r="Z14" s="19"/>
      <c r="AA14" s="19"/>
      <c r="AB14" s="19"/>
      <c r="AC14" s="19"/>
      <c r="AD14" s="19"/>
      <c r="AE14" s="64"/>
      <c r="AF14" s="19"/>
      <c r="AG14" s="19"/>
      <c r="AH14" s="19"/>
      <c r="AI14" s="58"/>
    </row>
    <row r="15" spans="1:35" ht="20.25" customHeight="1">
      <c r="A15" s="42">
        <v>12</v>
      </c>
      <c r="B15" s="16"/>
      <c r="C15" s="17"/>
      <c r="D15" s="18" t="e">
        <f t="shared" si="0"/>
        <v>#N/A</v>
      </c>
      <c r="E15" s="17"/>
      <c r="F15" s="19"/>
      <c r="G15" s="19"/>
      <c r="H15" s="19"/>
      <c r="I15" s="16"/>
      <c r="J15" s="57"/>
      <c r="K15" s="20"/>
      <c r="L15" s="20"/>
      <c r="M15" s="20"/>
      <c r="N15" s="38"/>
      <c r="O15" s="22"/>
      <c r="P15" s="23"/>
      <c r="Q15" s="109"/>
      <c r="R15" s="16"/>
      <c r="S15" s="58"/>
      <c r="T15" s="59" t="e">
        <f t="shared" si="1"/>
        <v>#DIV/0!</v>
      </c>
      <c r="U15" s="63"/>
      <c r="V15" s="24"/>
      <c r="W15" s="24"/>
      <c r="X15" s="19"/>
      <c r="Y15" s="19"/>
      <c r="Z15" s="19"/>
      <c r="AA15" s="19"/>
      <c r="AB15" s="19"/>
      <c r="AC15" s="19"/>
      <c r="AD15" s="19"/>
      <c r="AE15" s="64"/>
      <c r="AF15" s="19"/>
      <c r="AG15" s="19"/>
      <c r="AH15" s="19"/>
      <c r="AI15" s="58"/>
    </row>
    <row r="16" spans="1:35" ht="20.25" customHeight="1">
      <c r="A16" s="42">
        <v>13</v>
      </c>
      <c r="B16" s="16"/>
      <c r="C16" s="17"/>
      <c r="D16" s="18" t="e">
        <f t="shared" si="0"/>
        <v>#N/A</v>
      </c>
      <c r="E16" s="17"/>
      <c r="F16" s="19"/>
      <c r="G16" s="19"/>
      <c r="H16" s="19"/>
      <c r="I16" s="16"/>
      <c r="J16" s="57"/>
      <c r="K16" s="20"/>
      <c r="L16" s="20"/>
      <c r="M16" s="20"/>
      <c r="N16" s="38"/>
      <c r="O16" s="22"/>
      <c r="P16" s="23"/>
      <c r="Q16" s="109"/>
      <c r="R16" s="16"/>
      <c r="S16" s="58"/>
      <c r="T16" s="59" t="e">
        <f t="shared" si="1"/>
        <v>#DIV/0!</v>
      </c>
      <c r="U16" s="63"/>
      <c r="V16" s="24"/>
      <c r="W16" s="24"/>
      <c r="X16" s="19"/>
      <c r="Y16" s="19"/>
      <c r="Z16" s="19"/>
      <c r="AA16" s="19"/>
      <c r="AB16" s="19"/>
      <c r="AC16" s="19"/>
      <c r="AD16" s="19"/>
      <c r="AE16" s="64"/>
      <c r="AF16" s="19"/>
      <c r="AG16" s="19"/>
      <c r="AH16" s="19"/>
      <c r="AI16" s="58"/>
    </row>
    <row r="17" spans="1:35" ht="20.25" customHeight="1">
      <c r="A17" s="42">
        <v>14</v>
      </c>
      <c r="B17" s="16"/>
      <c r="C17" s="17"/>
      <c r="D17" s="18" t="e">
        <f t="shared" si="0"/>
        <v>#N/A</v>
      </c>
      <c r="E17" s="17"/>
      <c r="F17" s="19"/>
      <c r="G17" s="19"/>
      <c r="H17" s="19"/>
      <c r="I17" s="16"/>
      <c r="J17" s="57"/>
      <c r="K17" s="20"/>
      <c r="L17" s="20"/>
      <c r="M17" s="20"/>
      <c r="N17" s="38"/>
      <c r="O17" s="22"/>
      <c r="P17" s="23"/>
      <c r="Q17" s="109"/>
      <c r="R17" s="16"/>
      <c r="S17" s="58"/>
      <c r="T17" s="59" t="e">
        <f t="shared" si="1"/>
        <v>#DIV/0!</v>
      </c>
      <c r="U17" s="63"/>
      <c r="V17" s="24"/>
      <c r="W17" s="24"/>
      <c r="X17" s="19"/>
      <c r="Y17" s="19"/>
      <c r="Z17" s="19"/>
      <c r="AA17" s="19"/>
      <c r="AB17" s="19"/>
      <c r="AC17" s="19"/>
      <c r="AD17" s="19"/>
      <c r="AE17" s="64"/>
      <c r="AF17" s="19"/>
      <c r="AG17" s="19"/>
      <c r="AH17" s="19"/>
      <c r="AI17" s="58"/>
    </row>
    <row r="18" spans="1:35" ht="20.25" customHeight="1">
      <c r="A18" s="42">
        <v>15</v>
      </c>
      <c r="B18" s="16"/>
      <c r="C18" s="17"/>
      <c r="D18" s="18" t="e">
        <f t="shared" si="0"/>
        <v>#N/A</v>
      </c>
      <c r="E18" s="17"/>
      <c r="F18" s="19"/>
      <c r="G18" s="19"/>
      <c r="H18" s="19"/>
      <c r="I18" s="16"/>
      <c r="J18" s="57"/>
      <c r="K18" s="20"/>
      <c r="L18" s="20"/>
      <c r="M18" s="20"/>
      <c r="N18" s="38"/>
      <c r="O18" s="22"/>
      <c r="P18" s="23"/>
      <c r="Q18" s="109"/>
      <c r="R18" s="16"/>
      <c r="S18" s="58"/>
      <c r="T18" s="59" t="e">
        <f t="shared" si="1"/>
        <v>#DIV/0!</v>
      </c>
      <c r="U18" s="63"/>
      <c r="V18" s="24"/>
      <c r="W18" s="24"/>
      <c r="X18" s="19"/>
      <c r="Y18" s="19"/>
      <c r="Z18" s="19"/>
      <c r="AA18" s="19"/>
      <c r="AB18" s="19"/>
      <c r="AC18" s="19"/>
      <c r="AD18" s="19"/>
      <c r="AE18" s="64"/>
      <c r="AF18" s="19"/>
      <c r="AG18" s="19"/>
      <c r="AH18" s="19"/>
      <c r="AI18" s="58"/>
    </row>
    <row r="19" spans="1:35" s="13" customFormat="1" ht="20.25" customHeight="1">
      <c r="A19" s="25" t="s">
        <v>7</v>
      </c>
      <c r="V19" s="45"/>
    </row>
    <row r="20" spans="1:35" s="13" customFormat="1" ht="20.25" customHeight="1">
      <c r="A20" s="13" t="s">
        <v>4</v>
      </c>
    </row>
    <row r="21" spans="1:35" s="13" customFormat="1" ht="20.100000000000001" customHeight="1">
      <c r="A21" s="27" t="s">
        <v>32</v>
      </c>
    </row>
    <row r="22" spans="1:35" s="13" customFormat="1" ht="20.25" customHeight="1">
      <c r="A22" s="13" t="s">
        <v>209</v>
      </c>
    </row>
    <row r="23" spans="1:35" s="13" customFormat="1" ht="20.100000000000001" customHeight="1">
      <c r="A23" s="13" t="s">
        <v>186</v>
      </c>
    </row>
    <row r="24" spans="1:35" s="13" customFormat="1" ht="20.25" customHeight="1"/>
    <row r="25" spans="1:35" ht="20.25" customHeight="1">
      <c r="U25" s="14"/>
      <c r="V25" s="14"/>
    </row>
    <row r="26" spans="1:35" ht="20.25" customHeight="1"/>
    <row r="27" spans="1:35" ht="19.5" customHeight="1"/>
    <row r="28" spans="1:35" ht="19.5" customHeight="1"/>
    <row r="30" spans="1:35" ht="18.75">
      <c r="C30" s="34">
        <v>1</v>
      </c>
      <c r="D30" s="35" t="s">
        <v>35</v>
      </c>
      <c r="E30" s="14" t="s">
        <v>27</v>
      </c>
      <c r="N30" s="120"/>
    </row>
    <row r="31" spans="1:35" ht="18.75">
      <c r="C31" s="34">
        <v>2</v>
      </c>
      <c r="D31" s="35" t="s">
        <v>36</v>
      </c>
      <c r="E31" s="14" t="s">
        <v>28</v>
      </c>
    </row>
    <row r="32" spans="1:35" ht="18.75">
      <c r="C32" s="34">
        <v>3</v>
      </c>
      <c r="D32" s="35" t="s">
        <v>37</v>
      </c>
      <c r="E32" s="14" t="s">
        <v>29</v>
      </c>
    </row>
    <row r="33" spans="3:18" ht="18.75">
      <c r="C33" s="34">
        <v>4</v>
      </c>
      <c r="D33" s="35" t="s">
        <v>38</v>
      </c>
      <c r="E33" s="14" t="s">
        <v>30</v>
      </c>
    </row>
    <row r="34" spans="3:18" ht="18.75">
      <c r="C34" s="34">
        <v>5</v>
      </c>
      <c r="D34" s="35" t="s">
        <v>39</v>
      </c>
      <c r="E34" s="14" t="s">
        <v>31</v>
      </c>
    </row>
    <row r="35" spans="3:18" ht="18.75">
      <c r="C35" s="34">
        <v>6</v>
      </c>
      <c r="D35" s="37" t="s">
        <v>40</v>
      </c>
    </row>
    <row r="36" spans="3:18" ht="18.75">
      <c r="C36" s="34">
        <v>7</v>
      </c>
      <c r="D36" s="37" t="s">
        <v>41</v>
      </c>
    </row>
    <row r="37" spans="3:18" ht="18.75">
      <c r="C37" s="34">
        <v>8</v>
      </c>
      <c r="D37" s="35" t="s">
        <v>42</v>
      </c>
    </row>
    <row r="38" spans="3:18" ht="18.75">
      <c r="C38" s="34">
        <v>9</v>
      </c>
      <c r="D38" s="35" t="s">
        <v>43</v>
      </c>
    </row>
    <row r="39" spans="3:18" ht="18.75">
      <c r="C39" s="34">
        <v>10</v>
      </c>
      <c r="D39" s="35" t="s">
        <v>44</v>
      </c>
    </row>
    <row r="40" spans="3:18" ht="18.75">
      <c r="C40" s="34">
        <v>11</v>
      </c>
      <c r="D40" s="35" t="s">
        <v>45</v>
      </c>
    </row>
    <row r="41" spans="3:18" ht="18.75">
      <c r="C41" s="34">
        <v>12</v>
      </c>
      <c r="D41" s="35" t="s">
        <v>46</v>
      </c>
    </row>
    <row r="42" spans="3:18" ht="18.75">
      <c r="C42" s="34">
        <v>13</v>
      </c>
      <c r="D42" s="35" t="s">
        <v>47</v>
      </c>
    </row>
    <row r="43" spans="3:18" ht="18.75">
      <c r="C43" s="34">
        <v>14</v>
      </c>
      <c r="D43" s="35" t="s">
        <v>48</v>
      </c>
    </row>
    <row r="44" spans="3:18" ht="18.75">
      <c r="C44" s="34">
        <v>15</v>
      </c>
      <c r="D44" s="35" t="s">
        <v>49</v>
      </c>
      <c r="Q44" s="121"/>
      <c r="R44" s="121"/>
    </row>
    <row r="45" spans="3:18" ht="18.75">
      <c r="C45" s="34">
        <v>16</v>
      </c>
      <c r="D45" s="35" t="s">
        <v>50</v>
      </c>
      <c r="Q45" s="121"/>
      <c r="R45" s="121"/>
    </row>
    <row r="46" spans="3:18" ht="18.75">
      <c r="C46" s="34">
        <v>17</v>
      </c>
      <c r="D46" s="35" t="s">
        <v>51</v>
      </c>
      <c r="Q46" s="121"/>
      <c r="R46" s="121"/>
    </row>
    <row r="47" spans="3:18" ht="18.75">
      <c r="C47" s="34">
        <v>18</v>
      </c>
      <c r="D47" s="35" t="s">
        <v>52</v>
      </c>
      <c r="Q47" s="121"/>
      <c r="R47" s="121"/>
    </row>
    <row r="48" spans="3:18" ht="18.75">
      <c r="C48" s="34">
        <v>19</v>
      </c>
      <c r="D48" s="35" t="s">
        <v>53</v>
      </c>
      <c r="Q48" s="121"/>
      <c r="R48" s="121"/>
    </row>
    <row r="49" spans="3:18" ht="18.75">
      <c r="C49" s="34">
        <v>20</v>
      </c>
      <c r="D49" s="35" t="s">
        <v>54</v>
      </c>
      <c r="Q49" s="121"/>
      <c r="R49" s="121"/>
    </row>
    <row r="50" spans="3:18" ht="18.75">
      <c r="C50" s="34">
        <v>21</v>
      </c>
      <c r="D50" s="35" t="s">
        <v>55</v>
      </c>
      <c r="Q50" s="121"/>
      <c r="R50" s="121"/>
    </row>
    <row r="51" spans="3:18" ht="18.75">
      <c r="C51" s="34">
        <v>22</v>
      </c>
      <c r="D51" s="35" t="s">
        <v>56</v>
      </c>
      <c r="Q51" s="121"/>
      <c r="R51" s="121"/>
    </row>
    <row r="52" spans="3:18" ht="18.75">
      <c r="C52" s="34">
        <v>23</v>
      </c>
      <c r="D52" s="35" t="s">
        <v>57</v>
      </c>
      <c r="Q52" s="121"/>
      <c r="R52" s="121"/>
    </row>
    <row r="53" spans="3:18" ht="18.75">
      <c r="C53" s="34">
        <v>24</v>
      </c>
      <c r="D53" s="35" t="s">
        <v>58</v>
      </c>
      <c r="Q53" s="121"/>
      <c r="R53" s="121"/>
    </row>
    <row r="54" spans="3:18" ht="18.75">
      <c r="C54" s="34">
        <v>25</v>
      </c>
      <c r="D54" s="35" t="s">
        <v>59</v>
      </c>
      <c r="Q54" s="121"/>
      <c r="R54" s="121"/>
    </row>
    <row r="55" spans="3:18" ht="18.75">
      <c r="C55" s="34">
        <v>26</v>
      </c>
      <c r="D55" s="35" t="s">
        <v>60</v>
      </c>
      <c r="Q55" s="121"/>
      <c r="R55" s="121"/>
    </row>
    <row r="56" spans="3:18" ht="18.75">
      <c r="C56" s="34">
        <v>27</v>
      </c>
      <c r="D56" s="35" t="s">
        <v>61</v>
      </c>
      <c r="Q56" s="121"/>
      <c r="R56" s="121"/>
    </row>
    <row r="57" spans="3:18" ht="18.75">
      <c r="C57" s="34">
        <v>28</v>
      </c>
      <c r="D57" s="35" t="s">
        <v>62</v>
      </c>
      <c r="Q57" s="121"/>
      <c r="R57" s="121"/>
    </row>
    <row r="58" spans="3:18" ht="18.75">
      <c r="C58" s="34">
        <v>29</v>
      </c>
      <c r="D58" s="35" t="s">
        <v>63</v>
      </c>
      <c r="Q58" s="121"/>
      <c r="R58" s="121"/>
    </row>
    <row r="59" spans="3:18" ht="18.75">
      <c r="C59" s="34">
        <v>30</v>
      </c>
      <c r="D59" s="35" t="s">
        <v>64</v>
      </c>
      <c r="Q59" s="121"/>
      <c r="R59" s="121"/>
    </row>
    <row r="60" spans="3:18" ht="18.75">
      <c r="C60" s="34">
        <v>31</v>
      </c>
      <c r="D60" s="35" t="s">
        <v>65</v>
      </c>
      <c r="Q60" s="121"/>
      <c r="R60" s="121"/>
    </row>
    <row r="61" spans="3:18" ht="18.75">
      <c r="C61" s="34">
        <v>32</v>
      </c>
      <c r="D61" s="35" t="s">
        <v>66</v>
      </c>
      <c r="Q61" s="121"/>
      <c r="R61" s="121"/>
    </row>
    <row r="62" spans="3:18" ht="18.75">
      <c r="C62" s="34">
        <v>33</v>
      </c>
      <c r="D62" s="35" t="s">
        <v>67</v>
      </c>
      <c r="Q62" s="121"/>
      <c r="R62" s="121"/>
    </row>
    <row r="63" spans="3:18" ht="18.75">
      <c r="C63" s="34">
        <v>34</v>
      </c>
      <c r="D63" s="35" t="s">
        <v>68</v>
      </c>
      <c r="Q63" s="121"/>
      <c r="R63" s="121"/>
    </row>
    <row r="64" spans="3:18" ht="18.75">
      <c r="C64" s="34">
        <v>35</v>
      </c>
      <c r="D64" s="35" t="s">
        <v>69</v>
      </c>
      <c r="Q64" s="121"/>
      <c r="R64" s="121"/>
    </row>
    <row r="65" spans="3:18" ht="18.75">
      <c r="C65" s="34">
        <v>36</v>
      </c>
      <c r="D65" s="35" t="s">
        <v>70</v>
      </c>
      <c r="Q65" s="121"/>
      <c r="R65" s="121"/>
    </row>
    <row r="66" spans="3:18" ht="18.75">
      <c r="C66" s="34">
        <v>37</v>
      </c>
      <c r="D66" s="35" t="s">
        <v>71</v>
      </c>
      <c r="Q66" s="121"/>
      <c r="R66" s="121"/>
    </row>
    <row r="67" spans="3:18" ht="18.75">
      <c r="C67" s="34">
        <v>38</v>
      </c>
      <c r="D67" s="35" t="s">
        <v>72</v>
      </c>
      <c r="Q67" s="121"/>
      <c r="R67" s="121"/>
    </row>
    <row r="68" spans="3:18" ht="18.75">
      <c r="C68" s="34">
        <v>39</v>
      </c>
      <c r="D68" s="35" t="s">
        <v>73</v>
      </c>
      <c r="Q68" s="121"/>
      <c r="R68" s="121"/>
    </row>
    <row r="69" spans="3:18" ht="18.75">
      <c r="C69" s="34">
        <v>40</v>
      </c>
      <c r="D69" s="35" t="s">
        <v>74</v>
      </c>
      <c r="Q69" s="121"/>
      <c r="R69" s="121"/>
    </row>
    <row r="70" spans="3:18" ht="18.75">
      <c r="C70" s="34">
        <v>41</v>
      </c>
      <c r="D70" s="35" t="s">
        <v>75</v>
      </c>
      <c r="Q70" s="121"/>
      <c r="R70" s="121"/>
    </row>
    <row r="71" spans="3:18" ht="18.75">
      <c r="C71" s="34">
        <v>42</v>
      </c>
      <c r="D71" s="35" t="s">
        <v>76</v>
      </c>
      <c r="Q71" s="121"/>
      <c r="R71" s="121"/>
    </row>
    <row r="72" spans="3:18" ht="18.75">
      <c r="C72" s="34">
        <v>43</v>
      </c>
      <c r="D72" s="35" t="s">
        <v>77</v>
      </c>
      <c r="Q72" s="121"/>
      <c r="R72" s="121"/>
    </row>
    <row r="73" spans="3:18" ht="18.75">
      <c r="C73" s="34">
        <v>44</v>
      </c>
      <c r="D73" s="35" t="s">
        <v>78</v>
      </c>
      <c r="Q73" s="121"/>
      <c r="R73" s="121"/>
    </row>
    <row r="74" spans="3:18" ht="18.75">
      <c r="C74" s="34">
        <v>45</v>
      </c>
      <c r="D74" s="35" t="s">
        <v>79</v>
      </c>
      <c r="Q74" s="121"/>
      <c r="R74" s="121"/>
    </row>
    <row r="75" spans="3:18" ht="18.75">
      <c r="C75" s="34">
        <v>46</v>
      </c>
      <c r="D75" s="35" t="s">
        <v>80</v>
      </c>
      <c r="Q75" s="121"/>
      <c r="R75" s="121"/>
    </row>
    <row r="76" spans="3:18" ht="18.75">
      <c r="C76" s="34">
        <v>47</v>
      </c>
      <c r="D76" s="35" t="s">
        <v>81</v>
      </c>
      <c r="Q76" s="121"/>
      <c r="R76" s="121"/>
    </row>
    <row r="77" spans="3:18">
      <c r="Q77" s="121"/>
      <c r="R77" s="121"/>
    </row>
    <row r="78" spans="3:18">
      <c r="Q78" s="121"/>
      <c r="R78" s="121"/>
    </row>
    <row r="79" spans="3:18">
      <c r="Q79" s="121"/>
      <c r="R79" s="121"/>
    </row>
    <row r="80" spans="3:18">
      <c r="Q80" s="121"/>
      <c r="R80" s="121"/>
    </row>
  </sheetData>
  <dataConsolidate/>
  <mergeCells count="3">
    <mergeCell ref="AA2:AB2"/>
    <mergeCell ref="AC2:AD2"/>
    <mergeCell ref="Y2:Z2"/>
  </mergeCells>
  <phoneticPr fontId="1"/>
  <dataValidations count="22">
    <dataValidation type="list" allowBlank="1" showInputMessage="1" showErrorMessage="1" errorTitle="ドロップダウンリストより選択してください" promptTitle="福祉避難所の指定状況について" prompt="対象施設について福祉避難所に指定されている場合は「有」を指定されていなければ「無」を選択してください。" sqref="X4:X18">
      <formula1>"有,無"</formula1>
    </dataValidation>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O4:O18"/>
    <dataValidation showInputMessage="1" showErrorMessage="1" errorTitle="ドロップダウンリストより選択してください" promptTitle="千円単位" prompt="千円単位で記載してください" sqref="K4:M18"/>
    <dataValidation allowBlank="1" showErrorMessage="1" promptTitle="年月日を記載してください" prompt="書式設定を変更せずに、年月日を記載してください" sqref="AI4:AI18 S4:U18"/>
    <dataValidation allowBlank="1" showInputMessage="1" showErrorMessage="1" promptTitle="市町村名について" prompt="都道府県においては施設の所在市区町村名を記入してください。市区町村においては自治体名を記入してください。" sqref="E4:E18"/>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P4:P18"/>
    <dataValidation type="list" allowBlank="1" showInputMessage="1" showErrorMessage="1" promptTitle="ドロップダウンリストより選択してください" sqref="G4:G18">
      <formula1>$E$30:$E$34</formula1>
    </dataValidation>
    <dataValidation showInputMessage="1" showErrorMessage="1" errorTitle="ドロップダウンリストより選択してください" promptTitle="総事業費の1/2" prompt="総事業費の1/2を千円単位で入力してください" sqref="N4:N18"/>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dataValidation type="list" errorStyle="warning" allowBlank="1" showInputMessage="1" showErrorMessage="1" errorTitle="理由書の提出が必須です。" error="併設される老人短期入所施設があるものの、按分を行わない場合は、理由書の提出が必須です。" sqref="AH4:AH18">
      <formula1>"○"</formula1>
    </dataValidation>
    <dataValidation type="list" errorStyle="warning" allowBlank="1" errorTitle="補助対象外です。" error="単なる可搬型の自家発電設備の整備は、原則補助対象外です。" prompt="単なる可搬型の自家発電設備の整備は、原則補助対象外です。" sqref="AF4:AF18">
      <formula1>"○,×"</formula1>
    </dataValidation>
    <dataValidation type="list" errorStyle="warning" allowBlank="1" showInputMessage="1" errorTitle="補助対象外です。" error="単なる可搬型の自家発電設備の整備は、原則補助対象外です。" sqref="AG4:AG18">
      <formula1>"○"</formula1>
    </dataValidation>
    <dataValidation type="list" allowBlank="1" showInputMessage="1" showErrorMessage="1" sqref="AE4:AF18">
      <formula1>"○"</formula1>
    </dataValidation>
    <dataValidation type="list" allowBlank="1" showInputMessage="1" showErrorMessage="1" errorTitle="ドロップダウンリストより選択してください" promptTitle="避難確保計画の作成について" prompt="対象施設について避難確保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AA4:AA18">
      <formula1>"作成済み,作成見込み,未作成"</formula1>
    </dataValidation>
    <dataValidation allowBlank="1" showInputMessage="1" showErrorMessage="1" promptTitle="作成見込みについて" prompt="具体的な日付を明記してください" sqref="AD5:AD18"/>
    <dataValidation type="list" allowBlank="1" showInputMessage="1" showErrorMessage="1" errorTitle="ドロップダウンリストより選択してください" promptTitle="非常災害対策計画の作成について" prompt="対象施設について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AC4:AC18">
      <formula1>"作成済み,作成見込み,未作成"</formula1>
    </dataValidation>
    <dataValidation allowBlank="1" showInputMessage="1" showErrorMessage="1" promptTitle="作成時期について" prompt="避難確保計画において「作成見込み」と回答した場合、具体的な日付を明記してください。" sqref="AB4:AB18"/>
    <dataValidation allowBlank="1" showInputMessage="1" showErrorMessage="1" promptTitle="作成時期について" prompt="非常災害対策計画において「作成見込み」と回答した場合、具体的な日付を明記してください。" sqref="AD4"/>
    <dataValidation type="list" allowBlank="1" showInputMessage="1" showErrorMessage="1" sqref="V4:V18">
      <formula1>"整備済,整備見込みあり"</formula1>
    </dataValidation>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Y4:Y18">
      <formula1>"作成済み,作成見込み,未作成"</formula1>
    </dataValidation>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W4:W18">
      <formula1>"有,無"</formula1>
    </dataValidation>
    <dataValidation allowBlank="1" showInputMessage="1" showErrorMessage="1" promptTitle="作成時期について" prompt="業務継続計画（BCP)において「作成見込み」と回答した場合、具体的な日付を明記してください。" sqref="Z4:Z18"/>
  </dataValidations>
  <pageMargins left="0.93" right="0.16" top="0.74803149606299213" bottom="0.74803149606299213" header="0.31496062992125984" footer="0.31496062992125984"/>
  <pageSetup paperSize="8" scale="37"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7C80"/>
    <pageSetUpPr fitToPage="1"/>
  </sheetPr>
  <dimension ref="A1:AC80"/>
  <sheetViews>
    <sheetView view="pageBreakPreview" topLeftCell="J1" zoomScale="80" zoomScaleNormal="100" zoomScaleSheetLayoutView="80" workbookViewId="0">
      <pane ySplit="3" topLeftCell="A4" activePane="bottomLeft" state="frozen"/>
      <selection activeCell="L40" activeCellId="1" sqref="R20 L40"/>
      <selection pane="bottomLeft" activeCell="S3" sqref="S3"/>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5" style="5" customWidth="1"/>
    <col min="10" max="10" width="43" style="5" customWidth="1"/>
    <col min="11" max="11" width="12.875" style="5" customWidth="1"/>
    <col min="12" max="13" width="15" style="5" customWidth="1"/>
    <col min="14" max="16" width="12.875" style="5" customWidth="1"/>
    <col min="17" max="18" width="16.125" style="5" customWidth="1"/>
    <col min="19" max="19" width="21.75" style="5" customWidth="1"/>
    <col min="20" max="20" width="17" style="5" customWidth="1"/>
    <col min="21" max="22" width="10.625" style="5" customWidth="1"/>
    <col min="23" max="28" width="10.5" style="5" customWidth="1"/>
    <col min="29" max="29" width="11.625" style="5" customWidth="1"/>
    <col min="30" max="16384" width="4.25" style="5"/>
  </cols>
  <sheetData>
    <row r="1" spans="1:29" ht="18.75">
      <c r="O1" s="4"/>
      <c r="P1" s="3"/>
      <c r="AC1" s="46" t="s">
        <v>187</v>
      </c>
    </row>
    <row r="2" spans="1:29" ht="20.100000000000001" customHeight="1">
      <c r="A2" s="15" t="s">
        <v>223</v>
      </c>
      <c r="B2" s="14"/>
      <c r="C2" s="14"/>
      <c r="D2" s="14"/>
      <c r="E2" s="14"/>
      <c r="F2" s="14"/>
      <c r="G2" s="14"/>
      <c r="H2" s="14"/>
      <c r="I2" s="14"/>
      <c r="J2" s="14"/>
      <c r="K2" s="14"/>
      <c r="L2" s="14"/>
      <c r="M2" s="14"/>
      <c r="N2" s="14"/>
      <c r="O2" s="14"/>
      <c r="P2" s="14"/>
      <c r="Q2" s="14"/>
      <c r="R2" s="14"/>
      <c r="S2" s="14"/>
      <c r="T2" s="14"/>
      <c r="U2" s="14"/>
      <c r="V2" s="14"/>
      <c r="W2" s="124" t="s">
        <v>222</v>
      </c>
      <c r="X2" s="124"/>
      <c r="Y2" s="124" t="s">
        <v>176</v>
      </c>
      <c r="Z2" s="124"/>
      <c r="AA2" s="124" t="s">
        <v>174</v>
      </c>
      <c r="AB2" s="124"/>
      <c r="AC2" s="14"/>
    </row>
    <row r="3" spans="1:29" ht="96" customHeight="1">
      <c r="A3" s="93" t="s">
        <v>0</v>
      </c>
      <c r="B3" s="64" t="s">
        <v>1</v>
      </c>
      <c r="C3" s="64" t="s">
        <v>34</v>
      </c>
      <c r="D3" s="94" t="s">
        <v>104</v>
      </c>
      <c r="E3" s="64" t="s">
        <v>2</v>
      </c>
      <c r="F3" s="64" t="s">
        <v>214</v>
      </c>
      <c r="G3" s="64" t="s">
        <v>11</v>
      </c>
      <c r="H3" s="64" t="s">
        <v>6</v>
      </c>
      <c r="I3" s="64" t="s">
        <v>3</v>
      </c>
      <c r="J3" s="57" t="s">
        <v>146</v>
      </c>
      <c r="K3" s="64" t="s">
        <v>10</v>
      </c>
      <c r="L3" s="64" t="s">
        <v>99</v>
      </c>
      <c r="M3" s="64" t="s">
        <v>215</v>
      </c>
      <c r="N3" s="64" t="s">
        <v>9</v>
      </c>
      <c r="O3" s="94" t="s">
        <v>8</v>
      </c>
      <c r="P3" s="57" t="s">
        <v>160</v>
      </c>
      <c r="Q3" s="95" t="s">
        <v>181</v>
      </c>
      <c r="R3" s="96" t="s">
        <v>230</v>
      </c>
      <c r="S3" s="55" t="s">
        <v>233</v>
      </c>
      <c r="T3" s="97" t="s">
        <v>102</v>
      </c>
      <c r="U3" s="64" t="s">
        <v>211</v>
      </c>
      <c r="V3" s="116" t="s">
        <v>162</v>
      </c>
      <c r="W3" s="108" t="s">
        <v>101</v>
      </c>
      <c r="X3" s="108" t="s">
        <v>173</v>
      </c>
      <c r="Y3" s="64" t="s">
        <v>175</v>
      </c>
      <c r="Z3" s="64" t="s">
        <v>173</v>
      </c>
      <c r="AA3" s="64" t="s">
        <v>175</v>
      </c>
      <c r="AB3" s="64" t="s">
        <v>173</v>
      </c>
      <c r="AC3" s="57" t="s">
        <v>5</v>
      </c>
    </row>
    <row r="4" spans="1:29" ht="20.25" customHeight="1">
      <c r="A4" s="42">
        <v>1</v>
      </c>
      <c r="B4" s="16"/>
      <c r="C4" s="17"/>
      <c r="D4" s="18" t="e">
        <f t="shared" ref="D4:D18" si="0">VLOOKUP(C4,$C$30:$D$76,2)</f>
        <v>#N/A</v>
      </c>
      <c r="E4" s="17"/>
      <c r="F4" s="19"/>
      <c r="G4" s="19"/>
      <c r="H4" s="19"/>
      <c r="I4" s="16"/>
      <c r="J4" s="57"/>
      <c r="K4" s="20"/>
      <c r="L4" s="20"/>
      <c r="M4" s="20"/>
      <c r="N4" s="6"/>
      <c r="O4" s="22"/>
      <c r="P4" s="23"/>
      <c r="Q4" s="109"/>
      <c r="R4" s="16"/>
      <c r="S4" s="58"/>
      <c r="T4" s="59" t="e">
        <f>S4/R4</f>
        <v>#DIV/0!</v>
      </c>
      <c r="U4" s="24"/>
      <c r="V4" s="19"/>
      <c r="W4" s="19"/>
      <c r="X4" s="19"/>
      <c r="Y4" s="19"/>
      <c r="Z4" s="19"/>
      <c r="AA4" s="19"/>
      <c r="AB4" s="19"/>
      <c r="AC4" s="58"/>
    </row>
    <row r="5" spans="1:29" ht="20.25" customHeight="1">
      <c r="A5" s="42">
        <v>2</v>
      </c>
      <c r="B5" s="16"/>
      <c r="C5" s="17"/>
      <c r="D5" s="18" t="e">
        <f t="shared" si="0"/>
        <v>#N/A</v>
      </c>
      <c r="E5" s="17"/>
      <c r="F5" s="19"/>
      <c r="G5" s="19"/>
      <c r="H5" s="19"/>
      <c r="I5" s="16"/>
      <c r="J5" s="57"/>
      <c r="K5" s="20"/>
      <c r="L5" s="20"/>
      <c r="M5" s="20"/>
      <c r="N5" s="6"/>
      <c r="O5" s="22"/>
      <c r="P5" s="23"/>
      <c r="Q5" s="109"/>
      <c r="R5" s="16"/>
      <c r="S5" s="58"/>
      <c r="T5" s="59" t="e">
        <f t="shared" ref="T5:T18" si="1">S5/R5</f>
        <v>#DIV/0!</v>
      </c>
      <c r="U5" s="24"/>
      <c r="V5" s="19"/>
      <c r="W5" s="19"/>
      <c r="X5" s="19"/>
      <c r="Y5" s="19"/>
      <c r="Z5" s="19"/>
      <c r="AA5" s="19"/>
      <c r="AB5" s="19"/>
      <c r="AC5" s="58"/>
    </row>
    <row r="6" spans="1:29" ht="20.25" customHeight="1">
      <c r="A6" s="42">
        <v>3</v>
      </c>
      <c r="B6" s="16"/>
      <c r="C6" s="17"/>
      <c r="D6" s="18" t="e">
        <f t="shared" si="0"/>
        <v>#N/A</v>
      </c>
      <c r="E6" s="17"/>
      <c r="F6" s="42"/>
      <c r="G6" s="19"/>
      <c r="H6" s="19"/>
      <c r="I6" s="16"/>
      <c r="J6" s="57"/>
      <c r="K6" s="20"/>
      <c r="L6" s="20"/>
      <c r="M6" s="20"/>
      <c r="N6" s="6"/>
      <c r="O6" s="22"/>
      <c r="P6" s="23"/>
      <c r="Q6" s="109"/>
      <c r="R6" s="16"/>
      <c r="S6" s="58"/>
      <c r="T6" s="59" t="e">
        <f t="shared" si="1"/>
        <v>#DIV/0!</v>
      </c>
      <c r="U6" s="24"/>
      <c r="V6" s="19"/>
      <c r="W6" s="19"/>
      <c r="X6" s="19"/>
      <c r="Y6" s="19"/>
      <c r="Z6" s="19"/>
      <c r="AA6" s="19"/>
      <c r="AB6" s="19"/>
      <c r="AC6" s="58"/>
    </row>
    <row r="7" spans="1:29" ht="20.25" customHeight="1">
      <c r="A7" s="42">
        <v>4</v>
      </c>
      <c r="B7" s="16"/>
      <c r="C7" s="17"/>
      <c r="D7" s="18" t="e">
        <f t="shared" si="0"/>
        <v>#N/A</v>
      </c>
      <c r="E7" s="17"/>
      <c r="F7" s="19"/>
      <c r="G7" s="19"/>
      <c r="H7" s="19"/>
      <c r="I7" s="16"/>
      <c r="J7" s="57"/>
      <c r="K7" s="20"/>
      <c r="L7" s="20"/>
      <c r="M7" s="20"/>
      <c r="N7" s="6"/>
      <c r="O7" s="22"/>
      <c r="P7" s="23"/>
      <c r="Q7" s="109"/>
      <c r="R7" s="16"/>
      <c r="S7" s="58"/>
      <c r="T7" s="59" t="e">
        <f t="shared" si="1"/>
        <v>#DIV/0!</v>
      </c>
      <c r="U7" s="24"/>
      <c r="V7" s="19"/>
      <c r="W7" s="19"/>
      <c r="X7" s="19"/>
      <c r="Y7" s="19"/>
      <c r="Z7" s="19"/>
      <c r="AA7" s="19"/>
      <c r="AB7" s="19"/>
      <c r="AC7" s="58"/>
    </row>
    <row r="8" spans="1:29" ht="20.25" customHeight="1">
      <c r="A8" s="42">
        <v>5</v>
      </c>
      <c r="B8" s="16"/>
      <c r="C8" s="17"/>
      <c r="D8" s="18" t="e">
        <f t="shared" si="0"/>
        <v>#N/A</v>
      </c>
      <c r="E8" s="17"/>
      <c r="F8" s="19"/>
      <c r="G8" s="19"/>
      <c r="H8" s="19"/>
      <c r="I8" s="16"/>
      <c r="J8" s="57"/>
      <c r="K8" s="20"/>
      <c r="L8" s="20"/>
      <c r="M8" s="20"/>
      <c r="N8" s="6"/>
      <c r="O8" s="22"/>
      <c r="P8" s="23"/>
      <c r="Q8" s="109"/>
      <c r="R8" s="16"/>
      <c r="S8" s="58"/>
      <c r="T8" s="59" t="e">
        <f t="shared" si="1"/>
        <v>#DIV/0!</v>
      </c>
      <c r="U8" s="24"/>
      <c r="V8" s="19"/>
      <c r="W8" s="19"/>
      <c r="X8" s="19"/>
      <c r="Y8" s="19"/>
      <c r="Z8" s="19"/>
      <c r="AA8" s="19"/>
      <c r="AB8" s="19"/>
      <c r="AC8" s="58"/>
    </row>
    <row r="9" spans="1:29" ht="20.25" customHeight="1">
      <c r="A9" s="42">
        <v>6</v>
      </c>
      <c r="B9" s="16"/>
      <c r="C9" s="17"/>
      <c r="D9" s="18" t="e">
        <f t="shared" si="0"/>
        <v>#N/A</v>
      </c>
      <c r="E9" s="17"/>
      <c r="F9" s="19"/>
      <c r="G9" s="19"/>
      <c r="H9" s="19"/>
      <c r="I9" s="16"/>
      <c r="J9" s="57"/>
      <c r="K9" s="20"/>
      <c r="L9" s="20"/>
      <c r="M9" s="20"/>
      <c r="N9" s="6"/>
      <c r="O9" s="22"/>
      <c r="P9" s="23"/>
      <c r="Q9" s="109"/>
      <c r="R9" s="16"/>
      <c r="S9" s="58"/>
      <c r="T9" s="59" t="e">
        <f t="shared" si="1"/>
        <v>#DIV/0!</v>
      </c>
      <c r="U9" s="24"/>
      <c r="V9" s="19"/>
      <c r="W9" s="19"/>
      <c r="X9" s="19"/>
      <c r="Y9" s="19"/>
      <c r="Z9" s="19"/>
      <c r="AA9" s="19"/>
      <c r="AB9" s="19"/>
      <c r="AC9" s="58"/>
    </row>
    <row r="10" spans="1:29" ht="20.25" customHeight="1">
      <c r="A10" s="42">
        <v>7</v>
      </c>
      <c r="B10" s="16"/>
      <c r="C10" s="17"/>
      <c r="D10" s="18" t="e">
        <f t="shared" si="0"/>
        <v>#N/A</v>
      </c>
      <c r="E10" s="17"/>
      <c r="F10" s="19"/>
      <c r="G10" s="19"/>
      <c r="H10" s="19"/>
      <c r="I10" s="16"/>
      <c r="J10" s="57"/>
      <c r="K10" s="20"/>
      <c r="L10" s="20"/>
      <c r="M10" s="20"/>
      <c r="N10" s="6"/>
      <c r="O10" s="22"/>
      <c r="P10" s="23"/>
      <c r="Q10" s="109"/>
      <c r="R10" s="16"/>
      <c r="S10" s="58"/>
      <c r="T10" s="59" t="e">
        <f t="shared" si="1"/>
        <v>#DIV/0!</v>
      </c>
      <c r="U10" s="24"/>
      <c r="V10" s="19"/>
      <c r="W10" s="19"/>
      <c r="X10" s="19"/>
      <c r="Y10" s="19"/>
      <c r="Z10" s="19"/>
      <c r="AA10" s="19"/>
      <c r="AB10" s="19"/>
      <c r="AC10" s="58"/>
    </row>
    <row r="11" spans="1:29" ht="20.25" customHeight="1">
      <c r="A11" s="42">
        <v>8</v>
      </c>
      <c r="B11" s="16"/>
      <c r="C11" s="17"/>
      <c r="D11" s="18" t="e">
        <f t="shared" si="0"/>
        <v>#N/A</v>
      </c>
      <c r="E11" s="17"/>
      <c r="F11" s="19"/>
      <c r="G11" s="19"/>
      <c r="H11" s="19"/>
      <c r="I11" s="16"/>
      <c r="J11" s="57"/>
      <c r="K11" s="20"/>
      <c r="L11" s="20"/>
      <c r="M11" s="20"/>
      <c r="N11" s="6"/>
      <c r="O11" s="22"/>
      <c r="P11" s="23"/>
      <c r="Q11" s="109"/>
      <c r="R11" s="16"/>
      <c r="S11" s="58"/>
      <c r="T11" s="59" t="e">
        <f t="shared" si="1"/>
        <v>#DIV/0!</v>
      </c>
      <c r="U11" s="24"/>
      <c r="V11" s="19"/>
      <c r="W11" s="19"/>
      <c r="X11" s="19"/>
      <c r="Y11" s="19"/>
      <c r="Z11" s="19"/>
      <c r="AA11" s="19"/>
      <c r="AB11" s="19"/>
      <c r="AC11" s="58"/>
    </row>
    <row r="12" spans="1:29" ht="20.25" customHeight="1">
      <c r="A12" s="42">
        <v>9</v>
      </c>
      <c r="B12" s="16"/>
      <c r="C12" s="17"/>
      <c r="D12" s="18" t="e">
        <f t="shared" si="0"/>
        <v>#N/A</v>
      </c>
      <c r="E12" s="17"/>
      <c r="F12" s="19"/>
      <c r="G12" s="19"/>
      <c r="H12" s="19"/>
      <c r="I12" s="16"/>
      <c r="J12" s="57"/>
      <c r="K12" s="20"/>
      <c r="L12" s="20"/>
      <c r="M12" s="20"/>
      <c r="N12" s="6"/>
      <c r="O12" s="22"/>
      <c r="P12" s="23"/>
      <c r="Q12" s="109"/>
      <c r="R12" s="16"/>
      <c r="S12" s="58"/>
      <c r="T12" s="59" t="e">
        <f t="shared" si="1"/>
        <v>#DIV/0!</v>
      </c>
      <c r="U12" s="24"/>
      <c r="V12" s="19"/>
      <c r="W12" s="19"/>
      <c r="X12" s="19"/>
      <c r="Y12" s="19"/>
      <c r="Z12" s="19"/>
      <c r="AA12" s="19"/>
      <c r="AB12" s="19"/>
      <c r="AC12" s="58"/>
    </row>
    <row r="13" spans="1:29" ht="20.25" customHeight="1">
      <c r="A13" s="42">
        <v>10</v>
      </c>
      <c r="B13" s="16"/>
      <c r="C13" s="17"/>
      <c r="D13" s="18" t="e">
        <f t="shared" si="0"/>
        <v>#N/A</v>
      </c>
      <c r="E13" s="17"/>
      <c r="F13" s="19"/>
      <c r="G13" s="19"/>
      <c r="H13" s="19"/>
      <c r="I13" s="16"/>
      <c r="J13" s="57"/>
      <c r="K13" s="20"/>
      <c r="L13" s="20"/>
      <c r="M13" s="20"/>
      <c r="N13" s="6"/>
      <c r="O13" s="22"/>
      <c r="P13" s="23"/>
      <c r="Q13" s="109"/>
      <c r="R13" s="16"/>
      <c r="S13" s="58"/>
      <c r="T13" s="59" t="e">
        <f t="shared" si="1"/>
        <v>#DIV/0!</v>
      </c>
      <c r="U13" s="24"/>
      <c r="V13" s="19"/>
      <c r="W13" s="19"/>
      <c r="X13" s="19"/>
      <c r="Y13" s="19"/>
      <c r="Z13" s="19"/>
      <c r="AA13" s="19"/>
      <c r="AB13" s="19"/>
      <c r="AC13" s="58"/>
    </row>
    <row r="14" spans="1:29" ht="20.25" customHeight="1">
      <c r="A14" s="42">
        <v>11</v>
      </c>
      <c r="B14" s="16"/>
      <c r="C14" s="17"/>
      <c r="D14" s="18" t="e">
        <f t="shared" si="0"/>
        <v>#N/A</v>
      </c>
      <c r="E14" s="17"/>
      <c r="F14" s="19"/>
      <c r="G14" s="19"/>
      <c r="H14" s="19"/>
      <c r="I14" s="16"/>
      <c r="J14" s="57"/>
      <c r="K14" s="20"/>
      <c r="L14" s="20"/>
      <c r="M14" s="20"/>
      <c r="N14" s="6"/>
      <c r="O14" s="22"/>
      <c r="P14" s="23"/>
      <c r="Q14" s="109"/>
      <c r="R14" s="16"/>
      <c r="S14" s="58"/>
      <c r="T14" s="59" t="e">
        <f t="shared" si="1"/>
        <v>#DIV/0!</v>
      </c>
      <c r="U14" s="24"/>
      <c r="V14" s="19"/>
      <c r="W14" s="19"/>
      <c r="X14" s="19"/>
      <c r="Y14" s="19"/>
      <c r="Z14" s="19"/>
      <c r="AA14" s="19"/>
      <c r="AB14" s="19"/>
      <c r="AC14" s="58"/>
    </row>
    <row r="15" spans="1:29" ht="20.25" customHeight="1">
      <c r="A15" s="42">
        <v>12</v>
      </c>
      <c r="B15" s="16"/>
      <c r="C15" s="17"/>
      <c r="D15" s="18" t="e">
        <f t="shared" si="0"/>
        <v>#N/A</v>
      </c>
      <c r="E15" s="17"/>
      <c r="F15" s="19"/>
      <c r="G15" s="19"/>
      <c r="H15" s="19"/>
      <c r="I15" s="16"/>
      <c r="J15" s="57"/>
      <c r="K15" s="20"/>
      <c r="L15" s="20"/>
      <c r="M15" s="20"/>
      <c r="N15" s="6"/>
      <c r="O15" s="22"/>
      <c r="P15" s="23"/>
      <c r="Q15" s="109"/>
      <c r="R15" s="16"/>
      <c r="S15" s="58"/>
      <c r="T15" s="59" t="e">
        <f t="shared" si="1"/>
        <v>#DIV/0!</v>
      </c>
      <c r="U15" s="24"/>
      <c r="V15" s="19"/>
      <c r="W15" s="19"/>
      <c r="X15" s="19"/>
      <c r="Y15" s="19"/>
      <c r="Z15" s="19"/>
      <c r="AA15" s="19"/>
      <c r="AB15" s="19"/>
      <c r="AC15" s="58"/>
    </row>
    <row r="16" spans="1:29" ht="20.25" customHeight="1">
      <c r="A16" s="42">
        <v>13</v>
      </c>
      <c r="B16" s="16"/>
      <c r="C16" s="17"/>
      <c r="D16" s="18" t="e">
        <f t="shared" si="0"/>
        <v>#N/A</v>
      </c>
      <c r="E16" s="17"/>
      <c r="F16" s="19"/>
      <c r="G16" s="19"/>
      <c r="H16" s="19"/>
      <c r="I16" s="16"/>
      <c r="J16" s="57"/>
      <c r="K16" s="20"/>
      <c r="L16" s="20"/>
      <c r="M16" s="20"/>
      <c r="N16" s="6"/>
      <c r="O16" s="22"/>
      <c r="P16" s="23"/>
      <c r="Q16" s="109"/>
      <c r="R16" s="16"/>
      <c r="S16" s="58"/>
      <c r="T16" s="59" t="e">
        <f t="shared" si="1"/>
        <v>#DIV/0!</v>
      </c>
      <c r="U16" s="24"/>
      <c r="V16" s="19"/>
      <c r="W16" s="19"/>
      <c r="X16" s="19"/>
      <c r="Y16" s="19"/>
      <c r="Z16" s="19"/>
      <c r="AA16" s="19"/>
      <c r="AB16" s="19"/>
      <c r="AC16" s="58"/>
    </row>
    <row r="17" spans="1:29" ht="20.25" customHeight="1">
      <c r="A17" s="42">
        <v>14</v>
      </c>
      <c r="B17" s="16"/>
      <c r="C17" s="17"/>
      <c r="D17" s="18" t="e">
        <f t="shared" si="0"/>
        <v>#N/A</v>
      </c>
      <c r="E17" s="17"/>
      <c r="F17" s="19"/>
      <c r="G17" s="19"/>
      <c r="H17" s="19"/>
      <c r="I17" s="16"/>
      <c r="J17" s="57"/>
      <c r="K17" s="20"/>
      <c r="L17" s="20"/>
      <c r="M17" s="20"/>
      <c r="N17" s="6"/>
      <c r="O17" s="22"/>
      <c r="P17" s="23"/>
      <c r="Q17" s="109"/>
      <c r="R17" s="16"/>
      <c r="S17" s="58"/>
      <c r="T17" s="59" t="e">
        <f t="shared" si="1"/>
        <v>#DIV/0!</v>
      </c>
      <c r="U17" s="24"/>
      <c r="V17" s="19"/>
      <c r="W17" s="19"/>
      <c r="X17" s="19"/>
      <c r="Y17" s="19"/>
      <c r="Z17" s="19"/>
      <c r="AA17" s="19"/>
      <c r="AB17" s="19"/>
      <c r="AC17" s="58"/>
    </row>
    <row r="18" spans="1:29" ht="20.25" customHeight="1">
      <c r="A18" s="42">
        <v>15</v>
      </c>
      <c r="B18" s="16"/>
      <c r="C18" s="17"/>
      <c r="D18" s="18" t="e">
        <f t="shared" si="0"/>
        <v>#N/A</v>
      </c>
      <c r="E18" s="17"/>
      <c r="F18" s="19"/>
      <c r="G18" s="19"/>
      <c r="H18" s="19"/>
      <c r="I18" s="16"/>
      <c r="J18" s="57"/>
      <c r="K18" s="20"/>
      <c r="L18" s="20"/>
      <c r="M18" s="20"/>
      <c r="N18" s="6"/>
      <c r="O18" s="22"/>
      <c r="P18" s="23"/>
      <c r="Q18" s="109"/>
      <c r="R18" s="16"/>
      <c r="S18" s="58"/>
      <c r="T18" s="59" t="e">
        <f t="shared" si="1"/>
        <v>#DIV/0!</v>
      </c>
      <c r="U18" s="24"/>
      <c r="V18" s="19"/>
      <c r="W18" s="19"/>
      <c r="X18" s="19"/>
      <c r="Y18" s="19"/>
      <c r="Z18" s="19"/>
      <c r="AA18" s="19"/>
      <c r="AB18" s="19"/>
      <c r="AC18" s="58"/>
    </row>
    <row r="19" spans="1:29" s="9" customFormat="1" ht="20.25" customHeight="1">
      <c r="A19" s="25" t="s">
        <v>7</v>
      </c>
      <c r="B19" s="13"/>
      <c r="C19" s="13"/>
      <c r="D19" s="13"/>
      <c r="E19" s="13"/>
      <c r="F19" s="13"/>
      <c r="G19" s="13"/>
      <c r="H19" s="13"/>
      <c r="I19" s="13"/>
      <c r="J19" s="13"/>
      <c r="K19" s="13"/>
      <c r="L19" s="13"/>
      <c r="M19" s="13"/>
      <c r="N19" s="13"/>
      <c r="O19" s="13"/>
      <c r="P19" s="13"/>
      <c r="Q19" s="13"/>
      <c r="R19" s="13"/>
      <c r="S19" s="13"/>
      <c r="T19" s="13"/>
      <c r="U19" s="13"/>
      <c r="V19" s="13"/>
      <c r="W19" s="13"/>
      <c r="X19" s="13"/>
      <c r="Y19" s="13"/>
      <c r="Z19" s="13"/>
      <c r="AA19" s="13"/>
      <c r="AB19" s="13"/>
      <c r="AC19" s="13"/>
    </row>
    <row r="20" spans="1:29" s="9" customFormat="1" ht="20.25" customHeight="1">
      <c r="A20" s="13" t="s">
        <v>4</v>
      </c>
      <c r="B20" s="13"/>
      <c r="C20" s="13"/>
      <c r="D20" s="13"/>
      <c r="E20" s="13"/>
      <c r="F20" s="13"/>
      <c r="G20" s="13"/>
      <c r="H20" s="13"/>
      <c r="I20" s="13"/>
      <c r="J20" s="13"/>
      <c r="K20" s="13"/>
      <c r="L20" s="13"/>
      <c r="M20" s="13"/>
      <c r="N20" s="13"/>
      <c r="O20" s="13"/>
      <c r="P20" s="13"/>
      <c r="Q20" s="13"/>
      <c r="R20" s="13"/>
      <c r="S20" s="13"/>
      <c r="T20" s="13"/>
      <c r="U20" s="13"/>
      <c r="V20" s="13"/>
      <c r="W20" s="13"/>
      <c r="X20" s="13"/>
      <c r="Y20" s="13"/>
      <c r="Z20" s="13"/>
      <c r="AA20" s="13"/>
      <c r="AB20" s="13"/>
      <c r="AC20" s="13"/>
    </row>
    <row r="21" spans="1:29" s="10" customFormat="1" ht="20.100000000000001" customHeight="1">
      <c r="A21" s="27" t="s">
        <v>32</v>
      </c>
      <c r="B21" s="13"/>
      <c r="C21" s="13"/>
      <c r="D21" s="13"/>
      <c r="E21" s="13"/>
      <c r="F21" s="13"/>
      <c r="G21" s="13"/>
      <c r="H21" s="13"/>
      <c r="I21" s="13"/>
      <c r="J21" s="13"/>
      <c r="K21" s="13"/>
      <c r="L21" s="13"/>
      <c r="M21" s="13"/>
      <c r="N21" s="13"/>
      <c r="O21" s="13"/>
      <c r="P21" s="13"/>
      <c r="Q21" s="13"/>
      <c r="R21" s="13"/>
      <c r="S21" s="13"/>
      <c r="T21" s="13"/>
      <c r="U21" s="13"/>
      <c r="V21" s="13"/>
      <c r="W21" s="13"/>
      <c r="X21" s="13"/>
      <c r="Y21" s="13"/>
      <c r="Z21" s="13"/>
      <c r="AA21" s="13"/>
      <c r="AB21" s="13"/>
      <c r="AC21" s="13"/>
    </row>
    <row r="22" spans="1:29" s="9" customFormat="1" ht="20.25" customHeight="1">
      <c r="A22" s="13" t="s">
        <v>209</v>
      </c>
      <c r="B22" s="13"/>
      <c r="C22" s="13"/>
      <c r="D22" s="13"/>
      <c r="E22" s="13"/>
      <c r="F22" s="13"/>
      <c r="G22" s="13"/>
      <c r="H22" s="13"/>
      <c r="I22" s="13"/>
      <c r="J22" s="13"/>
      <c r="K22" s="13"/>
      <c r="L22" s="13"/>
      <c r="M22" s="13"/>
      <c r="N22" s="13"/>
      <c r="O22" s="13"/>
      <c r="P22" s="13"/>
      <c r="Q22" s="13"/>
      <c r="R22" s="13"/>
      <c r="S22" s="13"/>
      <c r="T22" s="13"/>
      <c r="U22" s="13"/>
      <c r="V22" s="13"/>
      <c r="W22" s="13"/>
      <c r="X22" s="13"/>
      <c r="Y22" s="13"/>
      <c r="Z22" s="13"/>
      <c r="AA22" s="13"/>
      <c r="AB22" s="13"/>
    </row>
    <row r="23" spans="1:29" s="10" customFormat="1" ht="20.100000000000001" customHeight="1">
      <c r="A23" s="13"/>
      <c r="B23" s="13"/>
      <c r="C23" s="13"/>
      <c r="D23" s="13"/>
      <c r="E23" s="13"/>
      <c r="F23" s="13"/>
      <c r="G23" s="13"/>
      <c r="H23" s="13"/>
      <c r="I23" s="13"/>
      <c r="J23" s="13"/>
      <c r="K23" s="13"/>
      <c r="L23" s="13"/>
      <c r="M23" s="13"/>
      <c r="N23" s="13"/>
      <c r="O23" s="13"/>
      <c r="P23" s="13"/>
      <c r="Q23" s="13"/>
      <c r="R23" s="13"/>
      <c r="S23" s="13"/>
      <c r="T23" s="13"/>
      <c r="U23" s="13"/>
      <c r="V23" s="13"/>
      <c r="W23" s="13"/>
      <c r="X23" s="13"/>
      <c r="Y23" s="13"/>
      <c r="Z23" s="13"/>
      <c r="AA23" s="13"/>
      <c r="AB23" s="13"/>
      <c r="AC23" s="13"/>
    </row>
    <row r="24" spans="1:29" s="9" customFormat="1" ht="20.25" customHeight="1">
      <c r="B24" s="13"/>
      <c r="C24" s="13"/>
      <c r="D24" s="13"/>
      <c r="E24" s="13"/>
      <c r="F24" s="13"/>
      <c r="G24" s="13"/>
      <c r="H24" s="13"/>
      <c r="I24" s="13"/>
      <c r="J24" s="13"/>
      <c r="K24" s="13"/>
      <c r="L24" s="13"/>
      <c r="M24" s="13"/>
      <c r="N24" s="13"/>
      <c r="O24" s="13"/>
      <c r="P24" s="13"/>
      <c r="Q24" s="13"/>
      <c r="R24" s="13"/>
      <c r="S24" s="13"/>
      <c r="T24" s="13"/>
      <c r="U24" s="13"/>
      <c r="V24" s="13"/>
      <c r="W24" s="13"/>
      <c r="X24" s="13"/>
      <c r="Y24" s="13"/>
      <c r="Z24" s="13"/>
      <c r="AA24" s="13"/>
      <c r="AB24" s="13"/>
      <c r="AC24" s="13"/>
    </row>
    <row r="25" spans="1:29" ht="20.25" customHeight="1"/>
    <row r="26" spans="1:29" ht="20.25" customHeight="1"/>
    <row r="27" spans="1:29" ht="19.5" customHeight="1"/>
    <row r="28" spans="1:29" ht="19.5" customHeight="1"/>
    <row r="29" spans="1:29" ht="16.5">
      <c r="C29" s="81"/>
      <c r="D29" s="81"/>
      <c r="E29" s="81"/>
      <c r="F29" s="81"/>
      <c r="G29" s="81"/>
    </row>
    <row r="30" spans="1:29" ht="18">
      <c r="C30" s="83">
        <v>1</v>
      </c>
      <c r="D30" s="84" t="s">
        <v>35</v>
      </c>
      <c r="E30" s="81" t="s">
        <v>27</v>
      </c>
      <c r="F30" s="81"/>
      <c r="G30" s="81"/>
      <c r="N30" s="2"/>
    </row>
    <row r="31" spans="1:29" ht="18">
      <c r="C31" s="83">
        <v>2</v>
      </c>
      <c r="D31" s="84" t="s">
        <v>36</v>
      </c>
      <c r="E31" s="81" t="s">
        <v>28</v>
      </c>
      <c r="F31" s="81"/>
      <c r="G31" s="81"/>
    </row>
    <row r="32" spans="1:29" ht="18">
      <c r="C32" s="83">
        <v>3</v>
      </c>
      <c r="D32" s="84" t="s">
        <v>37</v>
      </c>
      <c r="E32" s="81" t="s">
        <v>29</v>
      </c>
      <c r="F32" s="81"/>
      <c r="G32" s="81"/>
    </row>
    <row r="33" spans="3:18" ht="18">
      <c r="C33" s="83">
        <v>4</v>
      </c>
      <c r="D33" s="84" t="s">
        <v>38</v>
      </c>
      <c r="E33" s="81" t="s">
        <v>30</v>
      </c>
      <c r="F33" s="81"/>
      <c r="G33" s="81"/>
    </row>
    <row r="34" spans="3:18" ht="18">
      <c r="C34" s="83">
        <v>5</v>
      </c>
      <c r="D34" s="84" t="s">
        <v>39</v>
      </c>
      <c r="E34" s="81" t="s">
        <v>31</v>
      </c>
      <c r="F34" s="81"/>
      <c r="G34" s="81"/>
    </row>
    <row r="35" spans="3:18" ht="18">
      <c r="C35" s="83">
        <v>6</v>
      </c>
      <c r="D35" s="85" t="s">
        <v>40</v>
      </c>
      <c r="E35" s="81"/>
      <c r="F35" s="81"/>
      <c r="G35" s="81"/>
    </row>
    <row r="36" spans="3:18" ht="18">
      <c r="C36" s="83">
        <v>7</v>
      </c>
      <c r="D36" s="85" t="s">
        <v>41</v>
      </c>
      <c r="E36" s="81"/>
      <c r="F36" s="81"/>
      <c r="G36" s="81"/>
    </row>
    <row r="37" spans="3:18" ht="18">
      <c r="C37" s="83">
        <v>8</v>
      </c>
      <c r="D37" s="84" t="s">
        <v>42</v>
      </c>
      <c r="E37" s="81"/>
      <c r="F37" s="81"/>
      <c r="G37" s="81"/>
    </row>
    <row r="38" spans="3:18" ht="18">
      <c r="C38" s="83">
        <v>9</v>
      </c>
      <c r="D38" s="84" t="s">
        <v>43</v>
      </c>
      <c r="E38" s="81"/>
      <c r="F38" s="81"/>
      <c r="G38" s="81"/>
    </row>
    <row r="39" spans="3:18" ht="18">
      <c r="C39" s="83">
        <v>10</v>
      </c>
      <c r="D39" s="84" t="s">
        <v>44</v>
      </c>
      <c r="E39" s="81"/>
      <c r="F39" s="81"/>
      <c r="G39" s="81"/>
    </row>
    <row r="40" spans="3:18" ht="18">
      <c r="C40" s="83">
        <v>11</v>
      </c>
      <c r="D40" s="84" t="s">
        <v>45</v>
      </c>
      <c r="E40" s="81"/>
      <c r="F40" s="81"/>
      <c r="G40" s="81"/>
    </row>
    <row r="41" spans="3:18" ht="18">
      <c r="C41" s="83">
        <v>12</v>
      </c>
      <c r="D41" s="84" t="s">
        <v>46</v>
      </c>
      <c r="E41" s="81"/>
      <c r="F41" s="81"/>
      <c r="G41" s="81"/>
    </row>
    <row r="42" spans="3:18" ht="18">
      <c r="C42" s="83">
        <v>13</v>
      </c>
      <c r="D42" s="84" t="s">
        <v>47</v>
      </c>
      <c r="E42" s="81"/>
      <c r="F42" s="81"/>
      <c r="G42" s="81"/>
    </row>
    <row r="43" spans="3:18" ht="18">
      <c r="C43" s="83">
        <v>14</v>
      </c>
      <c r="D43" s="84" t="s">
        <v>48</v>
      </c>
      <c r="E43" s="81"/>
      <c r="F43" s="81"/>
      <c r="G43" s="81"/>
    </row>
    <row r="44" spans="3:18" ht="18">
      <c r="C44" s="83">
        <v>15</v>
      </c>
      <c r="D44" s="84" t="s">
        <v>49</v>
      </c>
      <c r="E44" s="81"/>
      <c r="F44" s="81"/>
      <c r="G44" s="81"/>
      <c r="Q44" s="1"/>
      <c r="R44" s="1"/>
    </row>
    <row r="45" spans="3:18" ht="18">
      <c r="C45" s="83">
        <v>16</v>
      </c>
      <c r="D45" s="84" t="s">
        <v>50</v>
      </c>
      <c r="E45" s="81"/>
      <c r="F45" s="81"/>
      <c r="G45" s="81"/>
      <c r="Q45" s="1"/>
      <c r="R45" s="1"/>
    </row>
    <row r="46" spans="3:18" ht="18">
      <c r="C46" s="83">
        <v>17</v>
      </c>
      <c r="D46" s="84" t="s">
        <v>51</v>
      </c>
      <c r="E46" s="81"/>
      <c r="F46" s="81"/>
      <c r="G46" s="81"/>
      <c r="Q46" s="1"/>
      <c r="R46" s="1"/>
    </row>
    <row r="47" spans="3:18" ht="18">
      <c r="C47" s="83">
        <v>18</v>
      </c>
      <c r="D47" s="84" t="s">
        <v>52</v>
      </c>
      <c r="E47" s="81"/>
      <c r="F47" s="81"/>
      <c r="G47" s="81"/>
      <c r="Q47" s="1"/>
      <c r="R47" s="1"/>
    </row>
    <row r="48" spans="3:18" ht="18">
      <c r="C48" s="83">
        <v>19</v>
      </c>
      <c r="D48" s="84" t="s">
        <v>53</v>
      </c>
      <c r="E48" s="81"/>
      <c r="F48" s="81"/>
      <c r="G48" s="81"/>
      <c r="Q48" s="1"/>
      <c r="R48" s="1"/>
    </row>
    <row r="49" spans="3:18" ht="18">
      <c r="C49" s="83">
        <v>20</v>
      </c>
      <c r="D49" s="84" t="s">
        <v>54</v>
      </c>
      <c r="E49" s="81"/>
      <c r="F49" s="81"/>
      <c r="G49" s="81"/>
      <c r="Q49" s="1"/>
      <c r="R49" s="1"/>
    </row>
    <row r="50" spans="3:18" ht="18">
      <c r="C50" s="83">
        <v>21</v>
      </c>
      <c r="D50" s="84" t="s">
        <v>55</v>
      </c>
      <c r="E50" s="81"/>
      <c r="F50" s="81"/>
      <c r="G50" s="81"/>
      <c r="Q50" s="1"/>
      <c r="R50" s="1"/>
    </row>
    <row r="51" spans="3:18" ht="18">
      <c r="C51" s="83">
        <v>22</v>
      </c>
      <c r="D51" s="84" t="s">
        <v>56</v>
      </c>
      <c r="E51" s="81"/>
      <c r="F51" s="81"/>
      <c r="G51" s="81"/>
      <c r="Q51" s="1"/>
      <c r="R51" s="1"/>
    </row>
    <row r="52" spans="3:18" ht="18">
      <c r="C52" s="83">
        <v>23</v>
      </c>
      <c r="D52" s="84" t="s">
        <v>57</v>
      </c>
      <c r="E52" s="81"/>
      <c r="F52" s="81"/>
      <c r="G52" s="81"/>
      <c r="Q52" s="1"/>
      <c r="R52" s="1"/>
    </row>
    <row r="53" spans="3:18" ht="18">
      <c r="C53" s="83">
        <v>24</v>
      </c>
      <c r="D53" s="84" t="s">
        <v>58</v>
      </c>
      <c r="E53" s="81"/>
      <c r="F53" s="81"/>
      <c r="G53" s="81"/>
      <c r="Q53" s="1"/>
      <c r="R53" s="1"/>
    </row>
    <row r="54" spans="3:18" ht="18">
      <c r="C54" s="83">
        <v>25</v>
      </c>
      <c r="D54" s="84" t="s">
        <v>59</v>
      </c>
      <c r="E54" s="81"/>
      <c r="F54" s="81"/>
      <c r="G54" s="81"/>
      <c r="Q54" s="1"/>
      <c r="R54" s="1"/>
    </row>
    <row r="55" spans="3:18" ht="18">
      <c r="C55" s="83">
        <v>26</v>
      </c>
      <c r="D55" s="84" t="s">
        <v>60</v>
      </c>
      <c r="E55" s="81"/>
      <c r="F55" s="81"/>
      <c r="G55" s="81"/>
      <c r="Q55" s="1"/>
      <c r="R55" s="1"/>
    </row>
    <row r="56" spans="3:18" ht="18">
      <c r="C56" s="83">
        <v>27</v>
      </c>
      <c r="D56" s="84" t="s">
        <v>61</v>
      </c>
      <c r="E56" s="81"/>
      <c r="F56" s="81"/>
      <c r="G56" s="81"/>
      <c r="Q56" s="1"/>
      <c r="R56" s="1"/>
    </row>
    <row r="57" spans="3:18" ht="18">
      <c r="C57" s="83">
        <v>28</v>
      </c>
      <c r="D57" s="84" t="s">
        <v>62</v>
      </c>
      <c r="E57" s="81"/>
      <c r="F57" s="81"/>
      <c r="G57" s="81"/>
      <c r="Q57" s="1"/>
      <c r="R57" s="1"/>
    </row>
    <row r="58" spans="3:18" ht="18">
      <c r="C58" s="83">
        <v>29</v>
      </c>
      <c r="D58" s="84" t="s">
        <v>63</v>
      </c>
      <c r="E58" s="81"/>
      <c r="F58" s="81"/>
      <c r="G58" s="81"/>
      <c r="Q58" s="1"/>
      <c r="R58" s="1"/>
    </row>
    <row r="59" spans="3:18" ht="18">
      <c r="C59" s="83">
        <v>30</v>
      </c>
      <c r="D59" s="84" t="s">
        <v>64</v>
      </c>
      <c r="E59" s="81"/>
      <c r="F59" s="81"/>
      <c r="G59" s="81"/>
      <c r="Q59" s="1"/>
      <c r="R59" s="1"/>
    </row>
    <row r="60" spans="3:18" ht="18">
      <c r="C60" s="83">
        <v>31</v>
      </c>
      <c r="D60" s="84" t="s">
        <v>65</v>
      </c>
      <c r="E60" s="81"/>
      <c r="F60" s="81"/>
      <c r="G60" s="81"/>
      <c r="Q60" s="1"/>
      <c r="R60" s="1"/>
    </row>
    <row r="61" spans="3:18" ht="18">
      <c r="C61" s="83">
        <v>32</v>
      </c>
      <c r="D61" s="84" t="s">
        <v>66</v>
      </c>
      <c r="E61" s="81"/>
      <c r="F61" s="81"/>
      <c r="G61" s="81"/>
      <c r="Q61" s="1"/>
      <c r="R61" s="1"/>
    </row>
    <row r="62" spans="3:18" ht="18">
      <c r="C62" s="83">
        <v>33</v>
      </c>
      <c r="D62" s="84" t="s">
        <v>67</v>
      </c>
      <c r="E62" s="81"/>
      <c r="F62" s="81"/>
      <c r="G62" s="81"/>
      <c r="Q62" s="1"/>
      <c r="R62" s="1"/>
    </row>
    <row r="63" spans="3:18" ht="18">
      <c r="C63" s="83">
        <v>34</v>
      </c>
      <c r="D63" s="84" t="s">
        <v>68</v>
      </c>
      <c r="E63" s="81"/>
      <c r="F63" s="81"/>
      <c r="G63" s="81"/>
      <c r="Q63" s="1"/>
      <c r="R63" s="1"/>
    </row>
    <row r="64" spans="3:18" ht="18">
      <c r="C64" s="83">
        <v>35</v>
      </c>
      <c r="D64" s="84" t="s">
        <v>69</v>
      </c>
      <c r="E64" s="81"/>
      <c r="F64" s="81"/>
      <c r="G64" s="81"/>
      <c r="Q64" s="1"/>
      <c r="R64" s="1"/>
    </row>
    <row r="65" spans="3:18" ht="18">
      <c r="C65" s="83">
        <v>36</v>
      </c>
      <c r="D65" s="84" t="s">
        <v>70</v>
      </c>
      <c r="E65" s="81"/>
      <c r="F65" s="81"/>
      <c r="G65" s="81"/>
      <c r="Q65" s="1"/>
      <c r="R65" s="1"/>
    </row>
    <row r="66" spans="3:18" ht="18">
      <c r="C66" s="83">
        <v>37</v>
      </c>
      <c r="D66" s="84" t="s">
        <v>71</v>
      </c>
      <c r="E66" s="81"/>
      <c r="F66" s="81"/>
      <c r="G66" s="81"/>
      <c r="Q66" s="1"/>
      <c r="R66" s="1"/>
    </row>
    <row r="67" spans="3:18" ht="18">
      <c r="C67" s="83">
        <v>38</v>
      </c>
      <c r="D67" s="84" t="s">
        <v>72</v>
      </c>
      <c r="E67" s="81"/>
      <c r="F67" s="81"/>
      <c r="G67" s="81"/>
      <c r="Q67" s="1"/>
      <c r="R67" s="1"/>
    </row>
    <row r="68" spans="3:18" ht="18">
      <c r="C68" s="83">
        <v>39</v>
      </c>
      <c r="D68" s="84" t="s">
        <v>73</v>
      </c>
      <c r="E68" s="81"/>
      <c r="F68" s="81"/>
      <c r="G68" s="81"/>
      <c r="Q68" s="1"/>
      <c r="R68" s="1"/>
    </row>
    <row r="69" spans="3:18" ht="18">
      <c r="C69" s="83">
        <v>40</v>
      </c>
      <c r="D69" s="84" t="s">
        <v>74</v>
      </c>
      <c r="E69" s="81"/>
      <c r="F69" s="81"/>
      <c r="G69" s="81"/>
      <c r="Q69" s="1"/>
      <c r="R69" s="1"/>
    </row>
    <row r="70" spans="3:18" ht="18">
      <c r="C70" s="83">
        <v>41</v>
      </c>
      <c r="D70" s="84" t="s">
        <v>75</v>
      </c>
      <c r="E70" s="81"/>
      <c r="F70" s="81"/>
      <c r="G70" s="81"/>
      <c r="Q70" s="1"/>
      <c r="R70" s="1"/>
    </row>
    <row r="71" spans="3:18" ht="18">
      <c r="C71" s="83">
        <v>42</v>
      </c>
      <c r="D71" s="84" t="s">
        <v>76</v>
      </c>
      <c r="E71" s="81"/>
      <c r="F71" s="81"/>
      <c r="G71" s="81"/>
      <c r="Q71" s="1"/>
      <c r="R71" s="1"/>
    </row>
    <row r="72" spans="3:18" ht="18">
      <c r="C72" s="83">
        <v>43</v>
      </c>
      <c r="D72" s="84" t="s">
        <v>77</v>
      </c>
      <c r="E72" s="81"/>
      <c r="F72" s="81"/>
      <c r="G72" s="81"/>
      <c r="Q72" s="1"/>
      <c r="R72" s="1"/>
    </row>
    <row r="73" spans="3:18" ht="18">
      <c r="C73" s="83">
        <v>44</v>
      </c>
      <c r="D73" s="84" t="s">
        <v>78</v>
      </c>
      <c r="E73" s="81"/>
      <c r="F73" s="81"/>
      <c r="G73" s="81"/>
      <c r="Q73" s="1"/>
      <c r="R73" s="1"/>
    </row>
    <row r="74" spans="3:18" ht="18">
      <c r="C74" s="83">
        <v>45</v>
      </c>
      <c r="D74" s="84" t="s">
        <v>79</v>
      </c>
      <c r="E74" s="81"/>
      <c r="F74" s="81"/>
      <c r="G74" s="81"/>
      <c r="Q74" s="1"/>
      <c r="R74" s="1"/>
    </row>
    <row r="75" spans="3:18" ht="18">
      <c r="C75" s="83">
        <v>46</v>
      </c>
      <c r="D75" s="84" t="s">
        <v>80</v>
      </c>
      <c r="E75" s="81"/>
      <c r="F75" s="81"/>
      <c r="G75" s="81"/>
      <c r="Q75" s="1"/>
      <c r="R75" s="1"/>
    </row>
    <row r="76" spans="3:18" ht="18">
      <c r="C76" s="83">
        <v>47</v>
      </c>
      <c r="D76" s="84" t="s">
        <v>81</v>
      </c>
      <c r="E76" s="81"/>
      <c r="F76" s="81"/>
      <c r="G76" s="81"/>
      <c r="Q76" s="1"/>
      <c r="R76" s="1"/>
    </row>
    <row r="77" spans="3:18">
      <c r="Q77" s="1"/>
      <c r="R77" s="1"/>
    </row>
    <row r="78" spans="3:18">
      <c r="Q78" s="1"/>
      <c r="R78" s="1"/>
    </row>
    <row r="79" spans="3:18">
      <c r="Q79" s="1"/>
      <c r="R79" s="1"/>
    </row>
    <row r="80" spans="3:18">
      <c r="Q80" s="1"/>
      <c r="R80" s="1"/>
    </row>
  </sheetData>
  <dataConsolidate/>
  <mergeCells count="3">
    <mergeCell ref="W2:X2"/>
    <mergeCell ref="Y2:Z2"/>
    <mergeCell ref="AA2:AB2"/>
  </mergeCells>
  <phoneticPr fontId="1"/>
  <dataValidations count="17">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U4:U18">
      <formula1>"有,無"</formula1>
    </dataValidation>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W4:W18">
      <formula1>"作成済み,作成見込み,未作成"</formula1>
    </dataValidation>
    <dataValidation allowBlank="1" showInputMessage="1" showErrorMessage="1" promptTitle="作成時期について" prompt="非常災害対策計画において「作成見込み」と回答した場合、具体的な日付を明記してください。" sqref="AB4"/>
    <dataValidation allowBlank="1" showInputMessage="1" showErrorMessage="1" promptTitle="作成時期について" prompt="避難確保計画において「作成見込み」と回答した場合、具体的な日付を明記してください。" sqref="Z4:Z18"/>
    <dataValidation type="list" allowBlank="1" showInputMessage="1" showErrorMessage="1" errorTitle="ドロップダウンリストより選択してください" promptTitle="非常災害対策計画の作成について" prompt="対象施設について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AA4:AA18">
      <formula1>"作成済み,作成見込み,未作成"</formula1>
    </dataValidation>
    <dataValidation allowBlank="1" showInputMessage="1" showErrorMessage="1" promptTitle="作成見込みについて" prompt="具体的な日付を明記してください" sqref="AB5:AB18"/>
    <dataValidation type="list" allowBlank="1" showInputMessage="1" showErrorMessage="1" errorTitle="ドロップダウンリストより選択してください" promptTitle="避難確保計画の作成について" prompt="対象施設について避難確保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Y4:Y18">
      <formula1>"作成済み,作成見込み,未作成"</formula1>
    </dataValidation>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dataValidation type="list" allowBlank="1" showInputMessage="1" showErrorMessage="1" promptTitle="ドロップダウンリストより選択してください" sqref="G4:G18">
      <formula1>$E$30:$E$34</formula1>
    </dataValidation>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P4:P18"/>
    <dataValidation allowBlank="1" showInputMessage="1" showErrorMessage="1" promptTitle="市町村名について" prompt="都道府県においては施設の所在市区町村名を記入してください。市区町村においては自治体名を記入してください。" sqref="E4:E18"/>
    <dataValidation allowBlank="1" showErrorMessage="1" promptTitle="年月日を記載してください" prompt="書式設定を変更せずに、年月日を記載してください" sqref="AC4:AC18 S4:T18"/>
    <dataValidation showInputMessage="1" showErrorMessage="1" errorTitle="ドロップダウンリストより選択してください" promptTitle="千円単位" prompt="千円単位で記載してください" sqref="K4:M18"/>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O4:O18"/>
    <dataValidation type="list" allowBlank="1" showInputMessage="1" showErrorMessage="1" errorTitle="ドロップダウンリストより選択してください" promptTitle="福祉避難所の指定状況について" prompt="対象施設について福祉避難所に指定されている場合は「有」を指定されていなければ「無」を選択してください。" sqref="V4:V18">
      <formula1>"有,無"</formula1>
    </dataValidation>
    <dataValidation allowBlank="1" showInputMessage="1" showErrorMessage="1" promptTitle="作成時期について" prompt="業務継続計画（BCP)において「作成見込み」と回答した場合、具体的な日付を明記してください。" sqref="X4:X18"/>
    <dataValidation type="list" showInputMessage="1" showErrorMessage="1" errorTitle="ドロップダウンリストより選択してください" promptTitle="ドロップダウンリストより選択してください" prompt="ドロップダウンリストより、３０，８００（千円）を選択してください" sqref="N4:N18">
      <formula1>"３０，８００"</formula1>
    </dataValidation>
  </dataValidations>
  <pageMargins left="0.93" right="0.16" top="0.74803149606299213" bottom="0.74803149606299213" header="0.31496062992125984" footer="0.31496062992125984"/>
  <pageSetup paperSize="8" scale="44" fitToHeight="0"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pageSetUpPr fitToPage="1"/>
  </sheetPr>
  <dimension ref="A1:AF80"/>
  <sheetViews>
    <sheetView view="pageBreakPreview" topLeftCell="M1" zoomScale="90" zoomScaleNormal="100" zoomScaleSheetLayoutView="90" workbookViewId="0">
      <pane ySplit="3" topLeftCell="A4" activePane="bottomLeft" state="frozen"/>
      <selection activeCell="L40" activeCellId="1" sqref="R20 L40"/>
      <selection pane="bottomLeft" activeCell="S3" sqref="S3"/>
    </sheetView>
  </sheetViews>
  <sheetFormatPr defaultColWidth="4.25" defaultRowHeight="16.5"/>
  <cols>
    <col min="1" max="1" width="4.125" style="14" bestFit="1" customWidth="1"/>
    <col min="2" max="2" width="14.375" style="14" customWidth="1"/>
    <col min="3" max="3" width="9.75" style="14" customWidth="1"/>
    <col min="4" max="5" width="12.375" style="14" customWidth="1"/>
    <col min="6" max="6" width="17.125" style="14" customWidth="1"/>
    <col min="7" max="9" width="28.5" style="14" customWidth="1"/>
    <col min="10" max="10" width="43" style="14" customWidth="1"/>
    <col min="11" max="16" width="12.875" style="14" customWidth="1"/>
    <col min="17" max="18" width="16.125" style="14" customWidth="1"/>
    <col min="19" max="19" width="21.75" style="14" customWidth="1"/>
    <col min="20" max="20" width="17" style="14" customWidth="1"/>
    <col min="21" max="22" width="17" style="119" customWidth="1"/>
    <col min="23" max="24" width="10.625" style="14" customWidth="1"/>
    <col min="25" max="28" width="10.5" style="14" customWidth="1"/>
    <col min="29" max="31" width="12.75" style="14" customWidth="1"/>
    <col min="32" max="32" width="11.625" style="14" customWidth="1"/>
    <col min="33" max="16384" width="4.25" style="14"/>
  </cols>
  <sheetData>
    <row r="1" spans="1:32" ht="24">
      <c r="O1" s="117"/>
      <c r="P1" s="118"/>
      <c r="U1" s="14"/>
      <c r="V1" s="14"/>
      <c r="AF1" s="46" t="s">
        <v>187</v>
      </c>
    </row>
    <row r="2" spans="1:32" ht="20.100000000000001" customHeight="1">
      <c r="A2" s="15" t="s">
        <v>148</v>
      </c>
      <c r="U2" s="14"/>
      <c r="V2" s="14"/>
      <c r="Y2" s="124" t="s">
        <v>222</v>
      </c>
      <c r="Z2" s="124"/>
      <c r="AA2" s="124" t="s">
        <v>174</v>
      </c>
      <c r="AB2" s="124"/>
      <c r="AC2" s="67" t="s">
        <v>166</v>
      </c>
      <c r="AD2" s="66"/>
      <c r="AE2" s="66"/>
    </row>
    <row r="3" spans="1:32" s="15" customFormat="1" ht="134.25" customHeight="1">
      <c r="A3" s="110" t="s">
        <v>0</v>
      </c>
      <c r="B3" s="111" t="s">
        <v>1</v>
      </c>
      <c r="C3" s="111" t="s">
        <v>34</v>
      </c>
      <c r="D3" s="113" t="s">
        <v>104</v>
      </c>
      <c r="E3" s="111" t="s">
        <v>2</v>
      </c>
      <c r="F3" s="111" t="s">
        <v>103</v>
      </c>
      <c r="G3" s="111" t="s">
        <v>11</v>
      </c>
      <c r="H3" s="111" t="s">
        <v>6</v>
      </c>
      <c r="I3" s="111" t="s">
        <v>3</v>
      </c>
      <c r="J3" s="114" t="s">
        <v>146</v>
      </c>
      <c r="K3" s="111" t="s">
        <v>10</v>
      </c>
      <c r="L3" s="111" t="s">
        <v>99</v>
      </c>
      <c r="M3" s="111" t="s">
        <v>217</v>
      </c>
      <c r="N3" s="111" t="s">
        <v>9</v>
      </c>
      <c r="O3" s="113" t="s">
        <v>8</v>
      </c>
      <c r="P3" s="114" t="s">
        <v>160</v>
      </c>
      <c r="Q3" s="112" t="s">
        <v>181</v>
      </c>
      <c r="R3" s="90" t="s">
        <v>230</v>
      </c>
      <c r="S3" s="55" t="s">
        <v>231</v>
      </c>
      <c r="T3" s="115" t="s">
        <v>102</v>
      </c>
      <c r="U3" s="62" t="s">
        <v>172</v>
      </c>
      <c r="V3" s="62" t="s">
        <v>183</v>
      </c>
      <c r="W3" s="111" t="s">
        <v>211</v>
      </c>
      <c r="X3" s="116" t="s">
        <v>162</v>
      </c>
      <c r="Y3" s="111" t="s">
        <v>101</v>
      </c>
      <c r="Z3" s="111" t="s">
        <v>173</v>
      </c>
      <c r="AA3" s="111" t="s">
        <v>175</v>
      </c>
      <c r="AB3" s="111" t="s">
        <v>173</v>
      </c>
      <c r="AC3" s="111" t="s">
        <v>167</v>
      </c>
      <c r="AD3" s="111" t="s">
        <v>229</v>
      </c>
      <c r="AE3" s="111" t="s">
        <v>189</v>
      </c>
      <c r="AF3" s="114" t="s">
        <v>5</v>
      </c>
    </row>
    <row r="4" spans="1:32" ht="20.25" customHeight="1">
      <c r="A4" s="42">
        <v>1</v>
      </c>
      <c r="B4" s="16"/>
      <c r="C4" s="17"/>
      <c r="D4" s="18" t="e">
        <f t="shared" ref="D4:D18" si="0">VLOOKUP(C4,$C$30:$D$76,2)</f>
        <v>#N/A</v>
      </c>
      <c r="E4" s="17"/>
      <c r="F4" s="19"/>
      <c r="G4" s="19"/>
      <c r="H4" s="19"/>
      <c r="I4" s="16"/>
      <c r="J4" s="57"/>
      <c r="K4" s="20"/>
      <c r="L4" s="20"/>
      <c r="M4" s="20"/>
      <c r="N4" s="38"/>
      <c r="O4" s="22"/>
      <c r="P4" s="23"/>
      <c r="Q4" s="109"/>
      <c r="R4" s="16"/>
      <c r="S4" s="58"/>
      <c r="T4" s="59" t="e">
        <f>S4/R4</f>
        <v>#DIV/0!</v>
      </c>
      <c r="U4" s="63"/>
      <c r="V4" s="24"/>
      <c r="W4" s="24"/>
      <c r="X4" s="19"/>
      <c r="Y4" s="19"/>
      <c r="Z4" s="19"/>
      <c r="AA4" s="19"/>
      <c r="AB4" s="19"/>
      <c r="AC4" s="19"/>
      <c r="AD4" s="19"/>
      <c r="AE4" s="19"/>
      <c r="AF4" s="58"/>
    </row>
    <row r="5" spans="1:32" ht="20.25" customHeight="1">
      <c r="A5" s="42">
        <v>2</v>
      </c>
      <c r="B5" s="16"/>
      <c r="C5" s="17"/>
      <c r="D5" s="18" t="e">
        <f t="shared" si="0"/>
        <v>#N/A</v>
      </c>
      <c r="E5" s="17"/>
      <c r="F5" s="19"/>
      <c r="G5" s="19"/>
      <c r="H5" s="19"/>
      <c r="I5" s="16"/>
      <c r="J5" s="57"/>
      <c r="K5" s="20"/>
      <c r="L5" s="20"/>
      <c r="M5" s="20"/>
      <c r="N5" s="38"/>
      <c r="O5" s="22"/>
      <c r="P5" s="23"/>
      <c r="Q5" s="109"/>
      <c r="R5" s="16"/>
      <c r="S5" s="58"/>
      <c r="T5" s="59" t="e">
        <f t="shared" ref="T5:T18" si="1">S5/R5</f>
        <v>#DIV/0!</v>
      </c>
      <c r="U5" s="63"/>
      <c r="V5" s="24"/>
      <c r="W5" s="24"/>
      <c r="X5" s="19"/>
      <c r="Y5" s="19"/>
      <c r="Z5" s="19"/>
      <c r="AA5" s="19"/>
      <c r="AB5" s="19"/>
      <c r="AC5" s="19"/>
      <c r="AD5" s="19"/>
      <c r="AE5" s="19"/>
      <c r="AF5" s="58"/>
    </row>
    <row r="6" spans="1:32" ht="20.25" customHeight="1">
      <c r="A6" s="42">
        <v>3</v>
      </c>
      <c r="B6" s="16"/>
      <c r="C6" s="17"/>
      <c r="D6" s="18" t="e">
        <f t="shared" si="0"/>
        <v>#N/A</v>
      </c>
      <c r="E6" s="17"/>
      <c r="F6" s="42"/>
      <c r="G6" s="19"/>
      <c r="H6" s="19"/>
      <c r="I6" s="16"/>
      <c r="J6" s="57"/>
      <c r="K6" s="20"/>
      <c r="L6" s="20"/>
      <c r="M6" s="20"/>
      <c r="N6" s="38"/>
      <c r="O6" s="22"/>
      <c r="P6" s="23"/>
      <c r="Q6" s="109"/>
      <c r="R6" s="16"/>
      <c r="S6" s="58"/>
      <c r="T6" s="59" t="e">
        <f t="shared" si="1"/>
        <v>#DIV/0!</v>
      </c>
      <c r="U6" s="63"/>
      <c r="V6" s="24"/>
      <c r="W6" s="24"/>
      <c r="X6" s="19"/>
      <c r="Y6" s="19"/>
      <c r="Z6" s="19"/>
      <c r="AA6" s="19"/>
      <c r="AB6" s="19"/>
      <c r="AC6" s="19"/>
      <c r="AD6" s="19"/>
      <c r="AE6" s="19"/>
      <c r="AF6" s="58"/>
    </row>
    <row r="7" spans="1:32" ht="20.25" customHeight="1">
      <c r="A7" s="42">
        <v>4</v>
      </c>
      <c r="B7" s="16"/>
      <c r="C7" s="17"/>
      <c r="D7" s="18" t="e">
        <f t="shared" si="0"/>
        <v>#N/A</v>
      </c>
      <c r="E7" s="17"/>
      <c r="F7" s="19"/>
      <c r="G7" s="19"/>
      <c r="H7" s="19"/>
      <c r="I7" s="16"/>
      <c r="J7" s="57"/>
      <c r="K7" s="20"/>
      <c r="L7" s="20"/>
      <c r="M7" s="20"/>
      <c r="N7" s="38"/>
      <c r="O7" s="22"/>
      <c r="P7" s="23"/>
      <c r="Q7" s="109"/>
      <c r="R7" s="16"/>
      <c r="S7" s="58"/>
      <c r="T7" s="59" t="e">
        <f t="shared" si="1"/>
        <v>#DIV/0!</v>
      </c>
      <c r="U7" s="63"/>
      <c r="V7" s="24"/>
      <c r="W7" s="24"/>
      <c r="X7" s="19"/>
      <c r="Y7" s="19"/>
      <c r="Z7" s="19"/>
      <c r="AA7" s="19"/>
      <c r="AB7" s="19"/>
      <c r="AC7" s="19"/>
      <c r="AD7" s="19"/>
      <c r="AE7" s="19"/>
      <c r="AF7" s="58"/>
    </row>
    <row r="8" spans="1:32" ht="20.25" customHeight="1">
      <c r="A8" s="42">
        <v>5</v>
      </c>
      <c r="B8" s="16"/>
      <c r="C8" s="17"/>
      <c r="D8" s="18" t="e">
        <f t="shared" si="0"/>
        <v>#N/A</v>
      </c>
      <c r="E8" s="17"/>
      <c r="F8" s="19"/>
      <c r="G8" s="19"/>
      <c r="H8" s="19"/>
      <c r="I8" s="16"/>
      <c r="J8" s="57"/>
      <c r="K8" s="20"/>
      <c r="L8" s="20"/>
      <c r="M8" s="20"/>
      <c r="N8" s="38"/>
      <c r="O8" s="22"/>
      <c r="P8" s="23"/>
      <c r="Q8" s="109"/>
      <c r="R8" s="16"/>
      <c r="S8" s="58"/>
      <c r="T8" s="59" t="e">
        <f t="shared" si="1"/>
        <v>#DIV/0!</v>
      </c>
      <c r="U8" s="63"/>
      <c r="V8" s="24"/>
      <c r="W8" s="24"/>
      <c r="X8" s="19"/>
      <c r="Y8" s="19"/>
      <c r="Z8" s="19"/>
      <c r="AA8" s="19"/>
      <c r="AB8" s="19"/>
      <c r="AC8" s="19"/>
      <c r="AD8" s="19"/>
      <c r="AE8" s="19"/>
      <c r="AF8" s="58"/>
    </row>
    <row r="9" spans="1:32" ht="20.25" customHeight="1">
      <c r="A9" s="42">
        <v>6</v>
      </c>
      <c r="B9" s="16"/>
      <c r="C9" s="17"/>
      <c r="D9" s="18" t="e">
        <f t="shared" si="0"/>
        <v>#N/A</v>
      </c>
      <c r="E9" s="17"/>
      <c r="F9" s="19"/>
      <c r="G9" s="19"/>
      <c r="H9" s="19"/>
      <c r="I9" s="16"/>
      <c r="J9" s="57"/>
      <c r="K9" s="20"/>
      <c r="L9" s="20"/>
      <c r="M9" s="20"/>
      <c r="N9" s="38"/>
      <c r="O9" s="22"/>
      <c r="P9" s="23"/>
      <c r="Q9" s="109"/>
      <c r="R9" s="16"/>
      <c r="S9" s="58"/>
      <c r="T9" s="59" t="e">
        <f t="shared" si="1"/>
        <v>#DIV/0!</v>
      </c>
      <c r="U9" s="63"/>
      <c r="V9" s="24"/>
      <c r="W9" s="24"/>
      <c r="X9" s="19"/>
      <c r="Y9" s="19"/>
      <c r="Z9" s="19"/>
      <c r="AA9" s="19"/>
      <c r="AB9" s="19"/>
      <c r="AC9" s="19"/>
      <c r="AD9" s="19"/>
      <c r="AE9" s="19"/>
      <c r="AF9" s="58"/>
    </row>
    <row r="10" spans="1:32" ht="20.25" customHeight="1">
      <c r="A10" s="42">
        <v>7</v>
      </c>
      <c r="B10" s="16"/>
      <c r="C10" s="17"/>
      <c r="D10" s="18" t="e">
        <f t="shared" si="0"/>
        <v>#N/A</v>
      </c>
      <c r="E10" s="17"/>
      <c r="F10" s="19"/>
      <c r="G10" s="19"/>
      <c r="H10" s="19"/>
      <c r="I10" s="16"/>
      <c r="J10" s="57"/>
      <c r="K10" s="20"/>
      <c r="L10" s="20"/>
      <c r="M10" s="20"/>
      <c r="N10" s="38"/>
      <c r="O10" s="22"/>
      <c r="P10" s="23"/>
      <c r="Q10" s="109"/>
      <c r="R10" s="16"/>
      <c r="S10" s="58"/>
      <c r="T10" s="59" t="e">
        <f t="shared" si="1"/>
        <v>#DIV/0!</v>
      </c>
      <c r="U10" s="63"/>
      <c r="V10" s="24"/>
      <c r="W10" s="24"/>
      <c r="X10" s="19"/>
      <c r="Y10" s="19"/>
      <c r="Z10" s="19"/>
      <c r="AA10" s="19"/>
      <c r="AB10" s="19"/>
      <c r="AC10" s="19"/>
      <c r="AD10" s="19"/>
      <c r="AE10" s="19"/>
      <c r="AF10" s="58"/>
    </row>
    <row r="11" spans="1:32" ht="20.25" customHeight="1">
      <c r="A11" s="42">
        <v>8</v>
      </c>
      <c r="B11" s="16"/>
      <c r="C11" s="17"/>
      <c r="D11" s="18" t="e">
        <f t="shared" si="0"/>
        <v>#N/A</v>
      </c>
      <c r="E11" s="17"/>
      <c r="F11" s="19"/>
      <c r="G11" s="19"/>
      <c r="H11" s="19"/>
      <c r="I11" s="16"/>
      <c r="J11" s="57"/>
      <c r="K11" s="20"/>
      <c r="L11" s="20"/>
      <c r="M11" s="20"/>
      <c r="N11" s="38"/>
      <c r="O11" s="22"/>
      <c r="P11" s="23"/>
      <c r="Q11" s="109"/>
      <c r="R11" s="16"/>
      <c r="S11" s="58"/>
      <c r="T11" s="59" t="e">
        <f t="shared" si="1"/>
        <v>#DIV/0!</v>
      </c>
      <c r="U11" s="63"/>
      <c r="V11" s="24"/>
      <c r="W11" s="24"/>
      <c r="X11" s="19"/>
      <c r="Y11" s="19"/>
      <c r="Z11" s="19"/>
      <c r="AA11" s="19"/>
      <c r="AB11" s="19"/>
      <c r="AC11" s="19"/>
      <c r="AD11" s="19"/>
      <c r="AE11" s="19"/>
      <c r="AF11" s="58"/>
    </row>
    <row r="12" spans="1:32" ht="20.25" customHeight="1">
      <c r="A12" s="42">
        <v>9</v>
      </c>
      <c r="B12" s="16"/>
      <c r="C12" s="17"/>
      <c r="D12" s="18" t="e">
        <f t="shared" si="0"/>
        <v>#N/A</v>
      </c>
      <c r="E12" s="17"/>
      <c r="F12" s="19"/>
      <c r="G12" s="19"/>
      <c r="H12" s="19"/>
      <c r="I12" s="16"/>
      <c r="J12" s="57"/>
      <c r="K12" s="20"/>
      <c r="L12" s="20"/>
      <c r="M12" s="20"/>
      <c r="N12" s="38"/>
      <c r="O12" s="22"/>
      <c r="P12" s="23"/>
      <c r="Q12" s="109"/>
      <c r="R12" s="16"/>
      <c r="S12" s="58"/>
      <c r="T12" s="59" t="e">
        <f t="shared" si="1"/>
        <v>#DIV/0!</v>
      </c>
      <c r="U12" s="63"/>
      <c r="V12" s="24"/>
      <c r="W12" s="24"/>
      <c r="X12" s="19"/>
      <c r="Y12" s="19"/>
      <c r="Z12" s="19"/>
      <c r="AA12" s="19"/>
      <c r="AB12" s="19"/>
      <c r="AC12" s="19"/>
      <c r="AD12" s="19"/>
      <c r="AE12" s="19"/>
      <c r="AF12" s="58"/>
    </row>
    <row r="13" spans="1:32" ht="20.25" customHeight="1">
      <c r="A13" s="42">
        <v>10</v>
      </c>
      <c r="B13" s="16"/>
      <c r="C13" s="17"/>
      <c r="D13" s="18" t="e">
        <f t="shared" si="0"/>
        <v>#N/A</v>
      </c>
      <c r="E13" s="17"/>
      <c r="F13" s="19"/>
      <c r="G13" s="19"/>
      <c r="H13" s="19"/>
      <c r="I13" s="16"/>
      <c r="J13" s="57"/>
      <c r="K13" s="20"/>
      <c r="L13" s="20"/>
      <c r="M13" s="20"/>
      <c r="N13" s="38"/>
      <c r="O13" s="22"/>
      <c r="P13" s="23"/>
      <c r="Q13" s="109"/>
      <c r="R13" s="16"/>
      <c r="S13" s="58"/>
      <c r="T13" s="59" t="e">
        <f t="shared" si="1"/>
        <v>#DIV/0!</v>
      </c>
      <c r="U13" s="63"/>
      <c r="V13" s="24"/>
      <c r="W13" s="24"/>
      <c r="X13" s="19"/>
      <c r="Y13" s="19"/>
      <c r="Z13" s="19"/>
      <c r="AA13" s="19"/>
      <c r="AB13" s="19"/>
      <c r="AC13" s="19"/>
      <c r="AD13" s="19"/>
      <c r="AE13" s="19"/>
      <c r="AF13" s="58"/>
    </row>
    <row r="14" spans="1:32" ht="20.25" customHeight="1">
      <c r="A14" s="42">
        <v>11</v>
      </c>
      <c r="B14" s="16"/>
      <c r="C14" s="17"/>
      <c r="D14" s="18" t="e">
        <f t="shared" si="0"/>
        <v>#N/A</v>
      </c>
      <c r="E14" s="17"/>
      <c r="F14" s="19"/>
      <c r="G14" s="19"/>
      <c r="H14" s="19"/>
      <c r="I14" s="16"/>
      <c r="J14" s="57"/>
      <c r="K14" s="20"/>
      <c r="L14" s="20"/>
      <c r="M14" s="20"/>
      <c r="N14" s="38"/>
      <c r="O14" s="22"/>
      <c r="P14" s="23"/>
      <c r="Q14" s="109"/>
      <c r="R14" s="16"/>
      <c r="S14" s="58"/>
      <c r="T14" s="59" t="e">
        <f t="shared" si="1"/>
        <v>#DIV/0!</v>
      </c>
      <c r="U14" s="63"/>
      <c r="V14" s="24"/>
      <c r="W14" s="24"/>
      <c r="X14" s="19"/>
      <c r="Y14" s="19"/>
      <c r="Z14" s="19"/>
      <c r="AA14" s="19"/>
      <c r="AB14" s="19"/>
      <c r="AC14" s="19"/>
      <c r="AD14" s="19"/>
      <c r="AE14" s="19"/>
      <c r="AF14" s="58"/>
    </row>
    <row r="15" spans="1:32" ht="20.25" customHeight="1">
      <c r="A15" s="42">
        <v>12</v>
      </c>
      <c r="B15" s="16"/>
      <c r="C15" s="17"/>
      <c r="D15" s="18" t="e">
        <f t="shared" si="0"/>
        <v>#N/A</v>
      </c>
      <c r="E15" s="17"/>
      <c r="F15" s="19"/>
      <c r="G15" s="19"/>
      <c r="H15" s="19"/>
      <c r="I15" s="16"/>
      <c r="J15" s="57"/>
      <c r="K15" s="20"/>
      <c r="L15" s="20"/>
      <c r="M15" s="20"/>
      <c r="N15" s="38"/>
      <c r="O15" s="22"/>
      <c r="P15" s="23"/>
      <c r="Q15" s="109"/>
      <c r="R15" s="16"/>
      <c r="S15" s="58"/>
      <c r="T15" s="59" t="e">
        <f t="shared" si="1"/>
        <v>#DIV/0!</v>
      </c>
      <c r="U15" s="63"/>
      <c r="V15" s="24"/>
      <c r="W15" s="24"/>
      <c r="X15" s="19"/>
      <c r="Y15" s="19"/>
      <c r="Z15" s="19"/>
      <c r="AA15" s="19"/>
      <c r="AB15" s="19"/>
      <c r="AC15" s="19"/>
      <c r="AD15" s="19"/>
      <c r="AE15" s="19"/>
      <c r="AF15" s="58"/>
    </row>
    <row r="16" spans="1:32" ht="20.25" customHeight="1">
      <c r="A16" s="42">
        <v>13</v>
      </c>
      <c r="B16" s="16"/>
      <c r="C16" s="17"/>
      <c r="D16" s="18" t="e">
        <f t="shared" si="0"/>
        <v>#N/A</v>
      </c>
      <c r="E16" s="17"/>
      <c r="F16" s="19"/>
      <c r="G16" s="19"/>
      <c r="H16" s="19"/>
      <c r="I16" s="16"/>
      <c r="J16" s="57"/>
      <c r="K16" s="20"/>
      <c r="L16" s="20"/>
      <c r="M16" s="20"/>
      <c r="N16" s="38"/>
      <c r="O16" s="22"/>
      <c r="P16" s="23"/>
      <c r="Q16" s="109"/>
      <c r="R16" s="16"/>
      <c r="S16" s="58"/>
      <c r="T16" s="59" t="e">
        <f t="shared" si="1"/>
        <v>#DIV/0!</v>
      </c>
      <c r="U16" s="63"/>
      <c r="V16" s="24"/>
      <c r="W16" s="24"/>
      <c r="X16" s="19"/>
      <c r="Y16" s="19"/>
      <c r="Z16" s="19"/>
      <c r="AA16" s="19"/>
      <c r="AB16" s="19"/>
      <c r="AC16" s="19"/>
      <c r="AD16" s="19"/>
      <c r="AE16" s="19"/>
      <c r="AF16" s="58"/>
    </row>
    <row r="17" spans="1:32" ht="20.25" customHeight="1">
      <c r="A17" s="42">
        <v>14</v>
      </c>
      <c r="B17" s="16"/>
      <c r="C17" s="17"/>
      <c r="D17" s="18" t="e">
        <f t="shared" si="0"/>
        <v>#N/A</v>
      </c>
      <c r="E17" s="17"/>
      <c r="F17" s="19"/>
      <c r="G17" s="19"/>
      <c r="H17" s="19"/>
      <c r="I17" s="16"/>
      <c r="J17" s="57"/>
      <c r="K17" s="20"/>
      <c r="L17" s="20"/>
      <c r="M17" s="20"/>
      <c r="N17" s="38"/>
      <c r="O17" s="22"/>
      <c r="P17" s="23"/>
      <c r="Q17" s="109"/>
      <c r="R17" s="16"/>
      <c r="S17" s="58"/>
      <c r="T17" s="59" t="e">
        <f t="shared" si="1"/>
        <v>#DIV/0!</v>
      </c>
      <c r="U17" s="63"/>
      <c r="V17" s="24"/>
      <c r="W17" s="24"/>
      <c r="X17" s="19"/>
      <c r="Y17" s="19"/>
      <c r="Z17" s="19"/>
      <c r="AA17" s="19"/>
      <c r="AB17" s="19"/>
      <c r="AC17" s="19"/>
      <c r="AD17" s="19"/>
      <c r="AE17" s="19"/>
      <c r="AF17" s="58"/>
    </row>
    <row r="18" spans="1:32" ht="20.25" customHeight="1">
      <c r="A18" s="42">
        <v>15</v>
      </c>
      <c r="B18" s="16"/>
      <c r="C18" s="17"/>
      <c r="D18" s="18" t="e">
        <f t="shared" si="0"/>
        <v>#N/A</v>
      </c>
      <c r="E18" s="17"/>
      <c r="F18" s="19"/>
      <c r="G18" s="19"/>
      <c r="H18" s="19"/>
      <c r="I18" s="16"/>
      <c r="J18" s="57"/>
      <c r="K18" s="20"/>
      <c r="L18" s="20"/>
      <c r="M18" s="20"/>
      <c r="N18" s="38"/>
      <c r="O18" s="22"/>
      <c r="P18" s="23"/>
      <c r="Q18" s="109"/>
      <c r="R18" s="16"/>
      <c r="S18" s="58"/>
      <c r="T18" s="59" t="e">
        <f t="shared" si="1"/>
        <v>#DIV/0!</v>
      </c>
      <c r="U18" s="63"/>
      <c r="V18" s="24"/>
      <c r="W18" s="24"/>
      <c r="X18" s="19"/>
      <c r="Y18" s="19"/>
      <c r="Z18" s="19"/>
      <c r="AA18" s="19"/>
      <c r="AB18" s="19"/>
      <c r="AC18" s="19"/>
      <c r="AD18" s="19"/>
      <c r="AE18" s="19"/>
      <c r="AF18" s="58"/>
    </row>
    <row r="19" spans="1:32" s="13" customFormat="1" ht="20.25" customHeight="1">
      <c r="A19" s="25" t="s">
        <v>7</v>
      </c>
      <c r="V19" s="45"/>
    </row>
    <row r="20" spans="1:32" s="13" customFormat="1" ht="20.25" customHeight="1">
      <c r="A20" s="13" t="s">
        <v>4</v>
      </c>
    </row>
    <row r="21" spans="1:32" s="13" customFormat="1" ht="20.100000000000001" customHeight="1">
      <c r="A21" s="27" t="s">
        <v>32</v>
      </c>
    </row>
    <row r="22" spans="1:32" s="13" customFormat="1" ht="20.25" customHeight="1">
      <c r="A22" s="13" t="s">
        <v>209</v>
      </c>
    </row>
    <row r="23" spans="1:32" s="13" customFormat="1" ht="20.100000000000001" customHeight="1">
      <c r="A23" s="13" t="s">
        <v>186</v>
      </c>
    </row>
    <row r="24" spans="1:32" s="13" customFormat="1" ht="20.25" customHeight="1"/>
    <row r="25" spans="1:32" ht="20.25" customHeight="1">
      <c r="U25" s="14"/>
      <c r="V25" s="14"/>
    </row>
    <row r="26" spans="1:32" ht="20.25" customHeight="1"/>
    <row r="27" spans="1:32" ht="19.5" customHeight="1"/>
    <row r="28" spans="1:32" ht="19.5" customHeight="1"/>
    <row r="30" spans="1:32" ht="18.75">
      <c r="C30" s="34">
        <v>1</v>
      </c>
      <c r="D30" s="35" t="s">
        <v>35</v>
      </c>
      <c r="E30" s="36" t="s">
        <v>27</v>
      </c>
      <c r="N30" s="120"/>
    </row>
    <row r="31" spans="1:32" ht="18.75">
      <c r="C31" s="34">
        <v>2</v>
      </c>
      <c r="D31" s="35" t="s">
        <v>36</v>
      </c>
      <c r="E31" s="36" t="s">
        <v>28</v>
      </c>
    </row>
    <row r="32" spans="1:32" ht="18.75">
      <c r="C32" s="34">
        <v>3</v>
      </c>
      <c r="D32" s="35" t="s">
        <v>37</v>
      </c>
      <c r="E32" s="36" t="s">
        <v>29</v>
      </c>
    </row>
    <row r="33" spans="3:18" ht="18.75">
      <c r="C33" s="34">
        <v>4</v>
      </c>
      <c r="D33" s="35" t="s">
        <v>38</v>
      </c>
      <c r="E33" s="36" t="s">
        <v>30</v>
      </c>
    </row>
    <row r="34" spans="3:18" ht="18.75">
      <c r="C34" s="34">
        <v>5</v>
      </c>
      <c r="D34" s="35" t="s">
        <v>39</v>
      </c>
      <c r="E34" s="36" t="s">
        <v>31</v>
      </c>
    </row>
    <row r="35" spans="3:18" ht="18.75">
      <c r="C35" s="34">
        <v>6</v>
      </c>
      <c r="D35" s="37" t="s">
        <v>40</v>
      </c>
      <c r="E35" s="36" t="s">
        <v>26</v>
      </c>
    </row>
    <row r="36" spans="3:18" ht="18.75">
      <c r="C36" s="34">
        <v>7</v>
      </c>
      <c r="D36" s="37" t="s">
        <v>41</v>
      </c>
      <c r="E36" s="36" t="s">
        <v>25</v>
      </c>
    </row>
    <row r="37" spans="3:18" ht="18.75">
      <c r="C37" s="34">
        <v>8</v>
      </c>
      <c r="D37" s="35" t="s">
        <v>42</v>
      </c>
      <c r="E37" s="36" t="s">
        <v>24</v>
      </c>
    </row>
    <row r="38" spans="3:18" ht="18.75">
      <c r="C38" s="34">
        <v>9</v>
      </c>
      <c r="D38" s="35" t="s">
        <v>43</v>
      </c>
      <c r="E38" s="36" t="s">
        <v>23</v>
      </c>
    </row>
    <row r="39" spans="3:18" ht="18.75">
      <c r="C39" s="34">
        <v>10</v>
      </c>
      <c r="D39" s="35" t="s">
        <v>44</v>
      </c>
      <c r="E39" s="36" t="s">
        <v>22</v>
      </c>
    </row>
    <row r="40" spans="3:18" ht="18.75">
      <c r="C40" s="34">
        <v>11</v>
      </c>
      <c r="D40" s="35" t="s">
        <v>45</v>
      </c>
      <c r="E40" s="36" t="s">
        <v>21</v>
      </c>
    </row>
    <row r="41" spans="3:18" ht="18.75">
      <c r="C41" s="34">
        <v>12</v>
      </c>
      <c r="D41" s="35" t="s">
        <v>46</v>
      </c>
      <c r="E41" s="36" t="s">
        <v>20</v>
      </c>
    </row>
    <row r="42" spans="3:18" ht="18.75">
      <c r="C42" s="34">
        <v>13</v>
      </c>
      <c r="D42" s="35" t="s">
        <v>47</v>
      </c>
      <c r="E42" s="36" t="s">
        <v>19</v>
      </c>
    </row>
    <row r="43" spans="3:18" ht="18.75">
      <c r="C43" s="34">
        <v>14</v>
      </c>
      <c r="D43" s="35" t="s">
        <v>48</v>
      </c>
      <c r="E43" s="36" t="s">
        <v>18</v>
      </c>
    </row>
    <row r="44" spans="3:18" ht="18.75">
      <c r="C44" s="34">
        <v>15</v>
      </c>
      <c r="D44" s="35" t="s">
        <v>49</v>
      </c>
      <c r="E44" s="36" t="s">
        <v>17</v>
      </c>
      <c r="Q44" s="121"/>
      <c r="R44" s="121"/>
    </row>
    <row r="45" spans="3:18" ht="18.75">
      <c r="C45" s="34">
        <v>16</v>
      </c>
      <c r="D45" s="35" t="s">
        <v>50</v>
      </c>
      <c r="E45" s="36" t="s">
        <v>16</v>
      </c>
      <c r="Q45" s="121"/>
      <c r="R45" s="121"/>
    </row>
    <row r="46" spans="3:18" ht="18.75">
      <c r="C46" s="34">
        <v>17</v>
      </c>
      <c r="D46" s="35" t="s">
        <v>51</v>
      </c>
      <c r="E46" s="36" t="s">
        <v>15</v>
      </c>
      <c r="Q46" s="121"/>
      <c r="R46" s="121"/>
    </row>
    <row r="47" spans="3:18" ht="18.75">
      <c r="C47" s="34">
        <v>18</v>
      </c>
      <c r="D47" s="35" t="s">
        <v>52</v>
      </c>
      <c r="E47" s="36" t="s">
        <v>14</v>
      </c>
      <c r="Q47" s="121"/>
      <c r="R47" s="121"/>
    </row>
    <row r="48" spans="3:18" ht="18.75">
      <c r="C48" s="34">
        <v>19</v>
      </c>
      <c r="D48" s="35" t="s">
        <v>53</v>
      </c>
      <c r="E48" s="36" t="s">
        <v>33</v>
      </c>
      <c r="Q48" s="121"/>
      <c r="R48" s="121"/>
    </row>
    <row r="49" spans="3:18" ht="18.75">
      <c r="C49" s="34">
        <v>20</v>
      </c>
      <c r="D49" s="35" t="s">
        <v>54</v>
      </c>
      <c r="E49" s="36" t="s">
        <v>13</v>
      </c>
      <c r="Q49" s="121"/>
      <c r="R49" s="121"/>
    </row>
    <row r="50" spans="3:18" ht="18.75">
      <c r="C50" s="34">
        <v>21</v>
      </c>
      <c r="D50" s="35" t="s">
        <v>55</v>
      </c>
      <c r="E50" s="36" t="s">
        <v>12</v>
      </c>
      <c r="Q50" s="121"/>
      <c r="R50" s="121"/>
    </row>
    <row r="51" spans="3:18" ht="18.75">
      <c r="C51" s="34">
        <v>22</v>
      </c>
      <c r="D51" s="35" t="s">
        <v>56</v>
      </c>
      <c r="Q51" s="121"/>
      <c r="R51" s="121"/>
    </row>
    <row r="52" spans="3:18" ht="18.75">
      <c r="C52" s="34">
        <v>23</v>
      </c>
      <c r="D52" s="35" t="s">
        <v>57</v>
      </c>
      <c r="Q52" s="121"/>
      <c r="R52" s="121"/>
    </row>
    <row r="53" spans="3:18" ht="18.75">
      <c r="C53" s="34">
        <v>24</v>
      </c>
      <c r="D53" s="35" t="s">
        <v>58</v>
      </c>
      <c r="Q53" s="121"/>
      <c r="R53" s="121"/>
    </row>
    <row r="54" spans="3:18" ht="18.75">
      <c r="C54" s="34">
        <v>25</v>
      </c>
      <c r="D54" s="35" t="s">
        <v>59</v>
      </c>
      <c r="Q54" s="121"/>
      <c r="R54" s="121"/>
    </row>
    <row r="55" spans="3:18" ht="18.75">
      <c r="C55" s="34">
        <v>26</v>
      </c>
      <c r="D55" s="35" t="s">
        <v>60</v>
      </c>
      <c r="Q55" s="121"/>
      <c r="R55" s="121"/>
    </row>
    <row r="56" spans="3:18" ht="18.75">
      <c r="C56" s="34">
        <v>27</v>
      </c>
      <c r="D56" s="35" t="s">
        <v>61</v>
      </c>
      <c r="Q56" s="121"/>
      <c r="R56" s="121"/>
    </row>
    <row r="57" spans="3:18" ht="18.75">
      <c r="C57" s="34">
        <v>28</v>
      </c>
      <c r="D57" s="35" t="s">
        <v>62</v>
      </c>
      <c r="Q57" s="121"/>
      <c r="R57" s="121"/>
    </row>
    <row r="58" spans="3:18" ht="18.75">
      <c r="C58" s="34">
        <v>29</v>
      </c>
      <c r="D58" s="35" t="s">
        <v>63</v>
      </c>
      <c r="Q58" s="121"/>
      <c r="R58" s="121"/>
    </row>
    <row r="59" spans="3:18" ht="18.75">
      <c r="C59" s="34">
        <v>30</v>
      </c>
      <c r="D59" s="35" t="s">
        <v>64</v>
      </c>
      <c r="Q59" s="121"/>
      <c r="R59" s="121"/>
    </row>
    <row r="60" spans="3:18" ht="18.75">
      <c r="C60" s="34">
        <v>31</v>
      </c>
      <c r="D60" s="35" t="s">
        <v>65</v>
      </c>
      <c r="Q60" s="121"/>
      <c r="R60" s="121"/>
    </row>
    <row r="61" spans="3:18" ht="18.75">
      <c r="C61" s="34">
        <v>32</v>
      </c>
      <c r="D61" s="35" t="s">
        <v>66</v>
      </c>
      <c r="Q61" s="121"/>
      <c r="R61" s="121"/>
    </row>
    <row r="62" spans="3:18" ht="18.75">
      <c r="C62" s="34">
        <v>33</v>
      </c>
      <c r="D62" s="35" t="s">
        <v>67</v>
      </c>
      <c r="Q62" s="121"/>
      <c r="R62" s="121"/>
    </row>
    <row r="63" spans="3:18" ht="18.75">
      <c r="C63" s="34">
        <v>34</v>
      </c>
      <c r="D63" s="35" t="s">
        <v>68</v>
      </c>
      <c r="Q63" s="121"/>
      <c r="R63" s="121"/>
    </row>
    <row r="64" spans="3:18" ht="18.75">
      <c r="C64" s="34">
        <v>35</v>
      </c>
      <c r="D64" s="35" t="s">
        <v>69</v>
      </c>
      <c r="Q64" s="121"/>
      <c r="R64" s="121"/>
    </row>
    <row r="65" spans="3:18" ht="18.75">
      <c r="C65" s="34">
        <v>36</v>
      </c>
      <c r="D65" s="35" t="s">
        <v>70</v>
      </c>
      <c r="Q65" s="121"/>
      <c r="R65" s="121"/>
    </row>
    <row r="66" spans="3:18" ht="18.75">
      <c r="C66" s="34">
        <v>37</v>
      </c>
      <c r="D66" s="35" t="s">
        <v>71</v>
      </c>
      <c r="Q66" s="121"/>
      <c r="R66" s="121"/>
    </row>
    <row r="67" spans="3:18" ht="18.75">
      <c r="C67" s="34">
        <v>38</v>
      </c>
      <c r="D67" s="35" t="s">
        <v>72</v>
      </c>
      <c r="Q67" s="121"/>
      <c r="R67" s="121"/>
    </row>
    <row r="68" spans="3:18" ht="18.75">
      <c r="C68" s="34">
        <v>39</v>
      </c>
      <c r="D68" s="35" t="s">
        <v>73</v>
      </c>
      <c r="Q68" s="121"/>
      <c r="R68" s="121"/>
    </row>
    <row r="69" spans="3:18" ht="18.75">
      <c r="C69" s="34">
        <v>40</v>
      </c>
      <c r="D69" s="35" t="s">
        <v>74</v>
      </c>
      <c r="Q69" s="121"/>
      <c r="R69" s="121"/>
    </row>
    <row r="70" spans="3:18" ht="18.75">
      <c r="C70" s="34">
        <v>41</v>
      </c>
      <c r="D70" s="35" t="s">
        <v>75</v>
      </c>
      <c r="Q70" s="121"/>
      <c r="R70" s="121"/>
    </row>
    <row r="71" spans="3:18" ht="18.75">
      <c r="C71" s="34">
        <v>42</v>
      </c>
      <c r="D71" s="35" t="s">
        <v>76</v>
      </c>
      <c r="Q71" s="121"/>
      <c r="R71" s="121"/>
    </row>
    <row r="72" spans="3:18" ht="18.75">
      <c r="C72" s="34">
        <v>43</v>
      </c>
      <c r="D72" s="35" t="s">
        <v>77</v>
      </c>
      <c r="Q72" s="121"/>
      <c r="R72" s="121"/>
    </row>
    <row r="73" spans="3:18" ht="18.75">
      <c r="C73" s="34">
        <v>44</v>
      </c>
      <c r="D73" s="35" t="s">
        <v>78</v>
      </c>
      <c r="Q73" s="121"/>
      <c r="R73" s="121"/>
    </row>
    <row r="74" spans="3:18" ht="18.75">
      <c r="C74" s="34">
        <v>45</v>
      </c>
      <c r="D74" s="35" t="s">
        <v>79</v>
      </c>
      <c r="Q74" s="121"/>
      <c r="R74" s="121"/>
    </row>
    <row r="75" spans="3:18" ht="18.75">
      <c r="C75" s="34">
        <v>46</v>
      </c>
      <c r="D75" s="35" t="s">
        <v>80</v>
      </c>
      <c r="Q75" s="121"/>
      <c r="R75" s="121"/>
    </row>
    <row r="76" spans="3:18" ht="18.75">
      <c r="C76" s="34">
        <v>47</v>
      </c>
      <c r="D76" s="35" t="s">
        <v>81</v>
      </c>
      <c r="Q76" s="121"/>
      <c r="R76" s="121"/>
    </row>
    <row r="77" spans="3:18">
      <c r="Q77" s="121"/>
      <c r="R77" s="121"/>
    </row>
    <row r="78" spans="3:18">
      <c r="Q78" s="121"/>
      <c r="R78" s="121"/>
    </row>
    <row r="79" spans="3:18">
      <c r="Q79" s="121"/>
      <c r="R79" s="121"/>
    </row>
    <row r="80" spans="3:18">
      <c r="Q80" s="121"/>
      <c r="R80" s="121"/>
    </row>
  </sheetData>
  <dataConsolidate/>
  <mergeCells count="2">
    <mergeCell ref="AA2:AB2"/>
    <mergeCell ref="Y2:Z2"/>
  </mergeCells>
  <phoneticPr fontId="1"/>
  <dataValidations xWindow="1501" yWindow="491" count="19">
    <dataValidation showInputMessage="1" showErrorMessage="1" errorTitle="ドロップダウンリストより選択してください" promptTitle="総事業費の1/2" prompt="総事業費の1/2を千円単位で入力してください" sqref="N4:N18"/>
    <dataValidation type="list" allowBlank="1" showInputMessage="1" showErrorMessage="1" promptTitle="ドロップダウンリストより選択してください" sqref="G4:G18">
      <formula1>$E$30:$E$50</formula1>
    </dataValidation>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P4:P18"/>
    <dataValidation allowBlank="1" showInputMessage="1" showErrorMessage="1" promptTitle="市町村名について" prompt="都道府県においては施設の所在市区町村名を記入してください。市区町村においては自治体名を記入してください。" sqref="E4:E18"/>
    <dataValidation allowBlank="1" showErrorMessage="1" promptTitle="年月日を記載してください" prompt="書式設定を変更せずに、年月日を記載してください" sqref="AF4:AF18 S4:U18"/>
    <dataValidation showInputMessage="1" showErrorMessage="1" errorTitle="ドロップダウンリストより選択してください" promptTitle="千円単位" prompt="千円単位で記載してください" sqref="K4:M18"/>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O4:O18"/>
    <dataValidation type="list" allowBlank="1" showInputMessage="1" showErrorMessage="1" errorTitle="ドロップダウンリストより選択してください" promptTitle="福祉避難所の指定状況について" prompt="対象施設について福祉避難所に指定されている場合は「有」を指定されていなければ「無」を選択してください。" sqref="X6:X18 X4">
      <formula1>"有,無"</formula1>
    </dataValidation>
    <dataValidation type="list" allowBlank="1" showInputMessage="1" showErrorMessage="1" errorTitle="ドロップダウンリストより選択してください" promptTitle="BCPの策定状況について" prompt="対象施設についてBCP（事業継続計画）を策定されている場合は「有」を指定されていなければ「無」を選択してください。" sqref="X5">
      <formula1>"有,無"</formula1>
    </dataValidation>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dataValidation type="list" errorStyle="warning" allowBlank="1" showInputMessage="1" errorTitle="補助対象外です。" error="単なる可搬型の自家発電設備の整備は、原則補助対象外です。" sqref="AC4:AC18">
      <formula1>"○"</formula1>
    </dataValidation>
    <dataValidation type="list" errorStyle="warning" allowBlank="1" errorTitle="補助対象外です。" error="単なる可搬型の自家発電設備の整備は、原則補助対象外です。" prompt="単なる可搬型の自家発電設備の整備は、原則補助対象外です。" sqref="AD4:AD18">
      <formula1>"○,×"</formula1>
    </dataValidation>
    <dataValidation type="list" errorStyle="warning" allowBlank="1" showInputMessage="1" showErrorMessage="1" errorTitle="理由書の提出が必須です。" error="併設される老人短期入所施設があるものの、按分を行わない場合は、理由書の提出が必須です。" sqref="AE4:AE18">
      <formula1>"○"</formula1>
    </dataValidation>
    <dataValidation type="list" allowBlank="1" showInputMessage="1" showErrorMessage="1" errorTitle="ドロップダウンリストより選択してください" promptTitle="非常災害対策計画の作成について" prompt="対象施設について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AA4:AA18">
      <formula1>"作成済み,作成見込み,未作成"</formula1>
    </dataValidation>
    <dataValidation allowBlank="1" showInputMessage="1" showErrorMessage="1" promptTitle="作成時期について" prompt="非常災害対策計画において「作成見込み」と回答した場合、具体的な日付を明記してください。" sqref="AB4:AB18"/>
    <dataValidation type="list" allowBlank="1" showInputMessage="1" showErrorMessage="1" sqref="V4:V18">
      <formula1>"整備済,整備見込みあり"</formula1>
    </dataValidation>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Y4:Y18">
      <formula1>"作成済み,作成見込み,未作成"</formula1>
    </dataValidation>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W4:W18">
      <formula1>"有,無"</formula1>
    </dataValidation>
    <dataValidation allowBlank="1" showInputMessage="1" showErrorMessage="1" promptTitle="作成時期について" prompt="業務継続計画（BCP)において「作成見込み」と回答した場合、具体的な日付を明記してください。" sqref="Z4:Z18"/>
  </dataValidations>
  <pageMargins left="0.93" right="0.16" top="0.74803149606299213" bottom="0.74803149606299213" header="0.31496062992125984" footer="0.31496062992125984"/>
  <pageSetup paperSize="8" scale="40" fitToHeight="0"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39997558519241921"/>
    <pageSetUpPr fitToPage="1"/>
  </sheetPr>
  <dimension ref="A1:X79"/>
  <sheetViews>
    <sheetView view="pageBreakPreview" topLeftCell="G1" zoomScale="80" zoomScaleNormal="100" zoomScaleSheetLayoutView="80" workbookViewId="0">
      <pane ySplit="3" topLeftCell="A4" activePane="bottomLeft" state="frozen"/>
      <selection activeCell="M35" sqref="M35"/>
      <selection pane="bottomLeft" activeCell="A2" sqref="A2"/>
    </sheetView>
  </sheetViews>
  <sheetFormatPr defaultColWidth="4.25" defaultRowHeight="12"/>
  <cols>
    <col min="1" max="1" width="4.125" style="5" bestFit="1" customWidth="1"/>
    <col min="2" max="2" width="14.375" style="5" customWidth="1"/>
    <col min="3" max="3" width="9.75" style="5" customWidth="1"/>
    <col min="4" max="5" width="12.375" style="5" customWidth="1"/>
    <col min="6" max="6" width="17.125" style="5" customWidth="1"/>
    <col min="7" max="9" width="28.5" style="5" customWidth="1"/>
    <col min="10" max="10" width="43" style="5" customWidth="1"/>
    <col min="11" max="16" width="12.875" style="5" customWidth="1"/>
    <col min="17" max="17" width="16.125" style="5" customWidth="1"/>
    <col min="18" max="19" width="10.625" style="5" customWidth="1"/>
    <col min="20" max="23" width="10.5" style="5" customWidth="1"/>
    <col min="24" max="24" width="11.625" style="5" customWidth="1"/>
    <col min="25" max="16384" width="4.25" style="5"/>
  </cols>
  <sheetData>
    <row r="1" spans="1:24" ht="18.75">
      <c r="O1" s="4"/>
      <c r="P1" s="3"/>
      <c r="X1" s="46" t="s">
        <v>187</v>
      </c>
    </row>
    <row r="2" spans="1:24" ht="20.100000000000001" customHeight="1">
      <c r="A2" s="41" t="s">
        <v>144</v>
      </c>
      <c r="B2" s="14"/>
      <c r="C2" s="14"/>
      <c r="D2" s="14"/>
      <c r="E2" s="14"/>
      <c r="F2" s="14"/>
      <c r="G2" s="14"/>
      <c r="H2" s="14"/>
      <c r="I2" s="14"/>
      <c r="J2" s="14"/>
      <c r="K2" s="14"/>
      <c r="L2" s="14"/>
      <c r="M2" s="14"/>
      <c r="N2" s="14"/>
      <c r="O2" s="14"/>
      <c r="P2" s="14"/>
      <c r="Q2" s="14"/>
      <c r="R2" s="14"/>
      <c r="S2" s="14"/>
      <c r="T2" s="124" t="s">
        <v>222</v>
      </c>
      <c r="U2" s="124"/>
      <c r="V2" s="124" t="s">
        <v>174</v>
      </c>
      <c r="W2" s="124"/>
      <c r="X2" s="14"/>
    </row>
    <row r="3" spans="1:24" s="8" customFormat="1" ht="119.25" customHeight="1">
      <c r="A3" s="50" t="s">
        <v>0</v>
      </c>
      <c r="B3" s="51" t="s">
        <v>1</v>
      </c>
      <c r="C3" s="51" t="s">
        <v>34</v>
      </c>
      <c r="D3" s="52" t="s">
        <v>104</v>
      </c>
      <c r="E3" s="51" t="s">
        <v>2</v>
      </c>
      <c r="F3" s="51" t="s">
        <v>103</v>
      </c>
      <c r="G3" s="51" t="s">
        <v>11</v>
      </c>
      <c r="H3" s="51" t="s">
        <v>6</v>
      </c>
      <c r="I3" s="51" t="s">
        <v>3</v>
      </c>
      <c r="J3" s="53" t="s">
        <v>146</v>
      </c>
      <c r="K3" s="51" t="s">
        <v>10</v>
      </c>
      <c r="L3" s="51" t="s">
        <v>99</v>
      </c>
      <c r="M3" s="99" t="s">
        <v>221</v>
      </c>
      <c r="N3" s="51" t="s">
        <v>9</v>
      </c>
      <c r="O3" s="52" t="s">
        <v>8</v>
      </c>
      <c r="P3" s="53" t="s">
        <v>160</v>
      </c>
      <c r="Q3" s="107" t="s">
        <v>181</v>
      </c>
      <c r="R3" s="51" t="s">
        <v>211</v>
      </c>
      <c r="S3" s="116" t="s">
        <v>162</v>
      </c>
      <c r="T3" s="106" t="s">
        <v>101</v>
      </c>
      <c r="U3" s="106" t="s">
        <v>173</v>
      </c>
      <c r="V3" s="51" t="s">
        <v>175</v>
      </c>
      <c r="W3" s="51" t="s">
        <v>173</v>
      </c>
      <c r="X3" s="53" t="s">
        <v>5</v>
      </c>
    </row>
    <row r="4" spans="1:24" ht="20.25" customHeight="1">
      <c r="A4" s="42">
        <v>1</v>
      </c>
      <c r="B4" s="16"/>
      <c r="C4" s="17"/>
      <c r="D4" s="18" t="e">
        <f t="shared" ref="D4:D18" si="0">VLOOKUP(C4,$C$29:$D$75,2)</f>
        <v>#N/A</v>
      </c>
      <c r="E4" s="17"/>
      <c r="F4" s="19"/>
      <c r="G4" s="19"/>
      <c r="H4" s="19"/>
      <c r="I4" s="16"/>
      <c r="J4" s="57"/>
      <c r="K4" s="20"/>
      <c r="L4" s="20"/>
      <c r="M4" s="20"/>
      <c r="N4" s="6"/>
      <c r="O4" s="22"/>
      <c r="P4" s="23"/>
      <c r="Q4" s="109"/>
      <c r="R4" s="24"/>
      <c r="S4" s="19"/>
      <c r="T4" s="19"/>
      <c r="U4" s="19"/>
      <c r="V4" s="19"/>
      <c r="W4" s="19"/>
      <c r="X4" s="58"/>
    </row>
    <row r="5" spans="1:24" ht="20.25" customHeight="1">
      <c r="A5" s="42">
        <v>2</v>
      </c>
      <c r="B5" s="16"/>
      <c r="C5" s="17"/>
      <c r="D5" s="18" t="e">
        <f t="shared" si="0"/>
        <v>#N/A</v>
      </c>
      <c r="E5" s="17"/>
      <c r="F5" s="19"/>
      <c r="G5" s="19"/>
      <c r="H5" s="19"/>
      <c r="I5" s="16"/>
      <c r="J5" s="57"/>
      <c r="K5" s="20"/>
      <c r="L5" s="20"/>
      <c r="M5" s="20"/>
      <c r="N5" s="6"/>
      <c r="O5" s="22"/>
      <c r="P5" s="23"/>
      <c r="Q5" s="109"/>
      <c r="R5" s="24"/>
      <c r="S5" s="19"/>
      <c r="T5" s="19"/>
      <c r="U5" s="19"/>
      <c r="V5" s="19"/>
      <c r="W5" s="19"/>
      <c r="X5" s="58"/>
    </row>
    <row r="6" spans="1:24" ht="20.25" customHeight="1">
      <c r="A6" s="42">
        <v>3</v>
      </c>
      <c r="B6" s="16"/>
      <c r="C6" s="17"/>
      <c r="D6" s="18" t="e">
        <f t="shared" si="0"/>
        <v>#N/A</v>
      </c>
      <c r="E6" s="17"/>
      <c r="F6" s="42"/>
      <c r="G6" s="19"/>
      <c r="H6" s="19"/>
      <c r="I6" s="16"/>
      <c r="J6" s="57"/>
      <c r="K6" s="20"/>
      <c r="L6" s="20"/>
      <c r="M6" s="20"/>
      <c r="N6" s="6"/>
      <c r="O6" s="22"/>
      <c r="P6" s="23"/>
      <c r="Q6" s="109"/>
      <c r="R6" s="24"/>
      <c r="S6" s="19"/>
      <c r="T6" s="19"/>
      <c r="U6" s="19"/>
      <c r="V6" s="19"/>
      <c r="W6" s="19"/>
      <c r="X6" s="58"/>
    </row>
    <row r="7" spans="1:24" ht="20.25" customHeight="1">
      <c r="A7" s="42">
        <v>4</v>
      </c>
      <c r="B7" s="16"/>
      <c r="C7" s="17"/>
      <c r="D7" s="18" t="e">
        <f t="shared" si="0"/>
        <v>#N/A</v>
      </c>
      <c r="E7" s="17"/>
      <c r="F7" s="19"/>
      <c r="G7" s="19"/>
      <c r="H7" s="19"/>
      <c r="I7" s="16"/>
      <c r="J7" s="57"/>
      <c r="K7" s="20"/>
      <c r="L7" s="20"/>
      <c r="M7" s="20"/>
      <c r="N7" s="6"/>
      <c r="O7" s="22"/>
      <c r="P7" s="23"/>
      <c r="Q7" s="109"/>
      <c r="R7" s="24"/>
      <c r="S7" s="19"/>
      <c r="T7" s="19"/>
      <c r="U7" s="19"/>
      <c r="V7" s="19"/>
      <c r="W7" s="19"/>
      <c r="X7" s="58"/>
    </row>
    <row r="8" spans="1:24" ht="20.25" customHeight="1">
      <c r="A8" s="42">
        <v>5</v>
      </c>
      <c r="B8" s="16"/>
      <c r="C8" s="17"/>
      <c r="D8" s="18" t="e">
        <f t="shared" si="0"/>
        <v>#N/A</v>
      </c>
      <c r="E8" s="17"/>
      <c r="F8" s="19"/>
      <c r="G8" s="19"/>
      <c r="H8" s="19"/>
      <c r="I8" s="16"/>
      <c r="J8" s="57"/>
      <c r="K8" s="20"/>
      <c r="L8" s="20"/>
      <c r="M8" s="20"/>
      <c r="N8" s="6"/>
      <c r="O8" s="22"/>
      <c r="P8" s="23"/>
      <c r="Q8" s="109"/>
      <c r="R8" s="24"/>
      <c r="S8" s="19"/>
      <c r="T8" s="19"/>
      <c r="U8" s="19"/>
      <c r="V8" s="19"/>
      <c r="W8" s="19"/>
      <c r="X8" s="58"/>
    </row>
    <row r="9" spans="1:24" ht="20.25" customHeight="1">
      <c r="A9" s="42">
        <v>6</v>
      </c>
      <c r="B9" s="16"/>
      <c r="C9" s="17"/>
      <c r="D9" s="18" t="e">
        <f t="shared" si="0"/>
        <v>#N/A</v>
      </c>
      <c r="E9" s="17"/>
      <c r="F9" s="19"/>
      <c r="G9" s="19"/>
      <c r="H9" s="19"/>
      <c r="I9" s="16"/>
      <c r="J9" s="57"/>
      <c r="K9" s="20"/>
      <c r="L9" s="20"/>
      <c r="M9" s="20"/>
      <c r="N9" s="6"/>
      <c r="O9" s="22"/>
      <c r="P9" s="23"/>
      <c r="Q9" s="109"/>
      <c r="R9" s="24"/>
      <c r="S9" s="19"/>
      <c r="T9" s="19"/>
      <c r="U9" s="19"/>
      <c r="V9" s="19"/>
      <c r="W9" s="19"/>
      <c r="X9" s="58"/>
    </row>
    <row r="10" spans="1:24" ht="20.25" customHeight="1">
      <c r="A10" s="42">
        <v>7</v>
      </c>
      <c r="B10" s="16"/>
      <c r="C10" s="17"/>
      <c r="D10" s="18" t="e">
        <f t="shared" si="0"/>
        <v>#N/A</v>
      </c>
      <c r="E10" s="17"/>
      <c r="F10" s="19"/>
      <c r="G10" s="19"/>
      <c r="H10" s="19"/>
      <c r="I10" s="16"/>
      <c r="J10" s="57"/>
      <c r="K10" s="20"/>
      <c r="L10" s="20"/>
      <c r="M10" s="20"/>
      <c r="N10" s="6"/>
      <c r="O10" s="22"/>
      <c r="P10" s="23"/>
      <c r="Q10" s="109"/>
      <c r="R10" s="24"/>
      <c r="S10" s="19"/>
      <c r="T10" s="19"/>
      <c r="U10" s="19"/>
      <c r="V10" s="19"/>
      <c r="W10" s="19"/>
      <c r="X10" s="58"/>
    </row>
    <row r="11" spans="1:24" ht="20.25" customHeight="1">
      <c r="A11" s="42">
        <v>8</v>
      </c>
      <c r="B11" s="16"/>
      <c r="C11" s="17"/>
      <c r="D11" s="18" t="e">
        <f t="shared" si="0"/>
        <v>#N/A</v>
      </c>
      <c r="E11" s="17"/>
      <c r="F11" s="19"/>
      <c r="G11" s="19"/>
      <c r="H11" s="19"/>
      <c r="I11" s="16"/>
      <c r="J11" s="57"/>
      <c r="K11" s="20"/>
      <c r="L11" s="20"/>
      <c r="M11" s="20"/>
      <c r="N11" s="6"/>
      <c r="O11" s="22"/>
      <c r="P11" s="23"/>
      <c r="Q11" s="109"/>
      <c r="R11" s="24"/>
      <c r="S11" s="19"/>
      <c r="T11" s="19"/>
      <c r="U11" s="19"/>
      <c r="V11" s="19"/>
      <c r="W11" s="19"/>
      <c r="X11" s="58"/>
    </row>
    <row r="12" spans="1:24" ht="20.25" customHeight="1">
      <c r="A12" s="42">
        <v>9</v>
      </c>
      <c r="B12" s="16"/>
      <c r="C12" s="17"/>
      <c r="D12" s="18" t="e">
        <f t="shared" si="0"/>
        <v>#N/A</v>
      </c>
      <c r="E12" s="17"/>
      <c r="F12" s="19"/>
      <c r="G12" s="19"/>
      <c r="H12" s="19"/>
      <c r="I12" s="16"/>
      <c r="J12" s="57"/>
      <c r="K12" s="20"/>
      <c r="L12" s="20"/>
      <c r="M12" s="20"/>
      <c r="N12" s="6"/>
      <c r="O12" s="22"/>
      <c r="P12" s="23"/>
      <c r="Q12" s="109"/>
      <c r="R12" s="24"/>
      <c r="S12" s="19"/>
      <c r="T12" s="19"/>
      <c r="U12" s="19"/>
      <c r="V12" s="19"/>
      <c r="W12" s="19"/>
      <c r="X12" s="58"/>
    </row>
    <row r="13" spans="1:24" ht="20.25" customHeight="1">
      <c r="A13" s="42">
        <v>10</v>
      </c>
      <c r="B13" s="16"/>
      <c r="C13" s="17"/>
      <c r="D13" s="18" t="e">
        <f t="shared" si="0"/>
        <v>#N/A</v>
      </c>
      <c r="E13" s="17"/>
      <c r="F13" s="19"/>
      <c r="G13" s="19"/>
      <c r="H13" s="19"/>
      <c r="I13" s="16"/>
      <c r="J13" s="57"/>
      <c r="K13" s="20"/>
      <c r="L13" s="20"/>
      <c r="M13" s="20"/>
      <c r="N13" s="6"/>
      <c r="O13" s="22"/>
      <c r="P13" s="23"/>
      <c r="Q13" s="109"/>
      <c r="R13" s="24"/>
      <c r="S13" s="19"/>
      <c r="T13" s="19"/>
      <c r="U13" s="19"/>
      <c r="V13" s="19"/>
      <c r="W13" s="19"/>
      <c r="X13" s="58"/>
    </row>
    <row r="14" spans="1:24" ht="20.25" customHeight="1">
      <c r="A14" s="42">
        <v>11</v>
      </c>
      <c r="B14" s="16"/>
      <c r="C14" s="17"/>
      <c r="D14" s="18" t="e">
        <f t="shared" si="0"/>
        <v>#N/A</v>
      </c>
      <c r="E14" s="17"/>
      <c r="F14" s="19"/>
      <c r="G14" s="19"/>
      <c r="H14" s="19"/>
      <c r="I14" s="16"/>
      <c r="J14" s="57"/>
      <c r="K14" s="20"/>
      <c r="L14" s="20"/>
      <c r="M14" s="20"/>
      <c r="N14" s="6"/>
      <c r="O14" s="22"/>
      <c r="P14" s="23"/>
      <c r="Q14" s="109"/>
      <c r="R14" s="24"/>
      <c r="S14" s="19"/>
      <c r="T14" s="19"/>
      <c r="U14" s="19"/>
      <c r="V14" s="19"/>
      <c r="W14" s="19"/>
      <c r="X14" s="58"/>
    </row>
    <row r="15" spans="1:24" ht="20.25" customHeight="1">
      <c r="A15" s="42">
        <v>12</v>
      </c>
      <c r="B15" s="16"/>
      <c r="C15" s="17"/>
      <c r="D15" s="18" t="e">
        <f t="shared" si="0"/>
        <v>#N/A</v>
      </c>
      <c r="E15" s="17"/>
      <c r="F15" s="19"/>
      <c r="G15" s="19"/>
      <c r="H15" s="19"/>
      <c r="I15" s="16"/>
      <c r="J15" s="57"/>
      <c r="K15" s="20"/>
      <c r="L15" s="20"/>
      <c r="M15" s="20"/>
      <c r="N15" s="6"/>
      <c r="O15" s="22"/>
      <c r="P15" s="23"/>
      <c r="Q15" s="109"/>
      <c r="R15" s="24"/>
      <c r="S15" s="19"/>
      <c r="T15" s="19"/>
      <c r="U15" s="19"/>
      <c r="V15" s="19"/>
      <c r="W15" s="19"/>
      <c r="X15" s="58"/>
    </row>
    <row r="16" spans="1:24" ht="20.25" customHeight="1">
      <c r="A16" s="42">
        <v>13</v>
      </c>
      <c r="B16" s="16"/>
      <c r="C16" s="17"/>
      <c r="D16" s="18" t="e">
        <f t="shared" si="0"/>
        <v>#N/A</v>
      </c>
      <c r="E16" s="17"/>
      <c r="F16" s="19"/>
      <c r="G16" s="19"/>
      <c r="H16" s="19"/>
      <c r="I16" s="16"/>
      <c r="J16" s="57"/>
      <c r="K16" s="20"/>
      <c r="L16" s="20"/>
      <c r="M16" s="20"/>
      <c r="N16" s="6"/>
      <c r="O16" s="22"/>
      <c r="P16" s="23"/>
      <c r="Q16" s="109"/>
      <c r="R16" s="24"/>
      <c r="S16" s="19"/>
      <c r="T16" s="19"/>
      <c r="U16" s="19"/>
      <c r="V16" s="19"/>
      <c r="W16" s="19"/>
      <c r="X16" s="58"/>
    </row>
    <row r="17" spans="1:24" ht="20.25" customHeight="1">
      <c r="A17" s="42">
        <v>14</v>
      </c>
      <c r="B17" s="16"/>
      <c r="C17" s="17"/>
      <c r="D17" s="18" t="e">
        <f t="shared" si="0"/>
        <v>#N/A</v>
      </c>
      <c r="E17" s="17"/>
      <c r="F17" s="19"/>
      <c r="G17" s="19"/>
      <c r="H17" s="19"/>
      <c r="I17" s="16"/>
      <c r="J17" s="57"/>
      <c r="K17" s="20"/>
      <c r="L17" s="20"/>
      <c r="M17" s="20"/>
      <c r="N17" s="6"/>
      <c r="O17" s="22"/>
      <c r="P17" s="23"/>
      <c r="Q17" s="109"/>
      <c r="R17" s="24"/>
      <c r="S17" s="19"/>
      <c r="T17" s="19"/>
      <c r="U17" s="19"/>
      <c r="V17" s="19"/>
      <c r="W17" s="19"/>
      <c r="X17" s="58"/>
    </row>
    <row r="18" spans="1:24" ht="20.25" customHeight="1">
      <c r="A18" s="42">
        <v>15</v>
      </c>
      <c r="B18" s="16"/>
      <c r="C18" s="17"/>
      <c r="D18" s="18" t="e">
        <f t="shared" si="0"/>
        <v>#N/A</v>
      </c>
      <c r="E18" s="17"/>
      <c r="F18" s="19"/>
      <c r="G18" s="19"/>
      <c r="H18" s="19"/>
      <c r="I18" s="16"/>
      <c r="J18" s="57"/>
      <c r="K18" s="20"/>
      <c r="L18" s="20"/>
      <c r="M18" s="20"/>
      <c r="N18" s="6"/>
      <c r="O18" s="22"/>
      <c r="P18" s="23"/>
      <c r="Q18" s="109"/>
      <c r="R18" s="24"/>
      <c r="S18" s="19"/>
      <c r="T18" s="19"/>
      <c r="U18" s="19"/>
      <c r="V18" s="19"/>
      <c r="W18" s="19"/>
      <c r="X18" s="58"/>
    </row>
    <row r="19" spans="1:24" s="9" customFormat="1" ht="20.25" customHeight="1">
      <c r="A19" s="25" t="s">
        <v>7</v>
      </c>
      <c r="B19" s="13"/>
      <c r="C19" s="13"/>
      <c r="D19" s="13"/>
      <c r="E19" s="13"/>
      <c r="F19" s="13"/>
      <c r="G19" s="13"/>
      <c r="H19" s="13"/>
      <c r="I19" s="13"/>
      <c r="J19" s="13"/>
      <c r="K19" s="13"/>
      <c r="L19" s="13"/>
      <c r="M19" s="13"/>
      <c r="N19" s="45"/>
      <c r="O19" s="13"/>
      <c r="P19" s="13"/>
      <c r="Q19" s="13"/>
      <c r="R19" s="13"/>
      <c r="S19" s="13"/>
      <c r="T19" s="13"/>
      <c r="U19" s="13"/>
      <c r="V19" s="13"/>
      <c r="W19" s="13"/>
      <c r="X19" s="13"/>
    </row>
    <row r="20" spans="1:24" s="9" customFormat="1" ht="20.25" customHeight="1">
      <c r="A20" s="13" t="s">
        <v>4</v>
      </c>
      <c r="B20" s="13"/>
      <c r="C20" s="13"/>
      <c r="D20" s="13"/>
      <c r="E20" s="13"/>
      <c r="F20" s="13"/>
      <c r="G20" s="13"/>
      <c r="H20" s="13"/>
      <c r="I20" s="13"/>
      <c r="J20" s="13"/>
      <c r="K20" s="13"/>
      <c r="L20" s="13"/>
      <c r="M20" s="13"/>
      <c r="N20" s="13"/>
      <c r="O20" s="13"/>
      <c r="P20" s="13"/>
      <c r="Q20" s="13"/>
      <c r="R20" s="13"/>
      <c r="S20" s="13"/>
      <c r="T20" s="13"/>
      <c r="U20" s="13"/>
      <c r="V20" s="13"/>
      <c r="W20" s="13"/>
      <c r="X20" s="13"/>
    </row>
    <row r="21" spans="1:24" s="10" customFormat="1" ht="20.100000000000001" customHeight="1">
      <c r="A21" s="27" t="s">
        <v>32</v>
      </c>
      <c r="B21" s="13"/>
      <c r="C21" s="13"/>
      <c r="D21" s="13"/>
      <c r="E21" s="13"/>
      <c r="F21" s="13"/>
      <c r="G21" s="13"/>
      <c r="H21" s="13"/>
      <c r="I21" s="13"/>
      <c r="J21" s="13"/>
      <c r="K21" s="13"/>
      <c r="L21" s="13"/>
      <c r="M21" s="13"/>
      <c r="N21" s="13"/>
      <c r="O21" s="13"/>
      <c r="P21" s="13"/>
      <c r="Q21" s="13"/>
      <c r="R21" s="13"/>
      <c r="S21" s="13"/>
      <c r="T21" s="13"/>
      <c r="U21" s="13"/>
      <c r="V21" s="13"/>
      <c r="W21" s="13"/>
      <c r="X21" s="13"/>
    </row>
    <row r="22" spans="1:24" s="10" customFormat="1" ht="20.100000000000001" customHeight="1">
      <c r="A22" s="13"/>
      <c r="B22" s="13"/>
      <c r="C22" s="13"/>
      <c r="D22" s="13"/>
      <c r="E22" s="13"/>
      <c r="F22" s="13"/>
      <c r="G22" s="13"/>
      <c r="H22" s="13"/>
      <c r="I22" s="13"/>
      <c r="J22" s="13"/>
      <c r="K22" s="13"/>
      <c r="L22" s="13"/>
      <c r="M22" s="13"/>
      <c r="N22" s="13"/>
      <c r="O22" s="13"/>
      <c r="P22" s="13"/>
      <c r="Q22" s="13"/>
      <c r="R22" s="13"/>
      <c r="S22" s="13"/>
      <c r="T22" s="13"/>
      <c r="U22" s="13"/>
      <c r="V22" s="13"/>
      <c r="W22" s="13"/>
      <c r="X22" s="13"/>
    </row>
    <row r="23" spans="1:24" s="9" customFormat="1" ht="20.25" customHeight="1">
      <c r="B23" s="13"/>
      <c r="C23" s="13"/>
      <c r="D23" s="13"/>
      <c r="E23" s="13"/>
      <c r="F23" s="13"/>
      <c r="G23" s="13"/>
      <c r="H23" s="13"/>
      <c r="I23" s="13"/>
      <c r="J23" s="13"/>
      <c r="K23" s="13"/>
      <c r="L23" s="13"/>
      <c r="M23" s="13"/>
      <c r="N23" s="13"/>
      <c r="O23" s="13"/>
      <c r="P23" s="13"/>
      <c r="Q23" s="13"/>
      <c r="R23" s="13"/>
      <c r="S23" s="13"/>
      <c r="T23" s="13"/>
      <c r="U23" s="13"/>
      <c r="V23" s="13"/>
      <c r="W23" s="13"/>
      <c r="X23" s="13"/>
    </row>
    <row r="24" spans="1:24" ht="20.25" customHeight="1">
      <c r="T24" s="13"/>
      <c r="U24" s="13"/>
      <c r="V24" s="13"/>
      <c r="W24" s="13"/>
    </row>
    <row r="25" spans="1:24" ht="20.25" customHeight="1"/>
    <row r="26" spans="1:24" ht="19.5" customHeight="1"/>
    <row r="27" spans="1:24" ht="19.5" customHeight="1"/>
    <row r="28" spans="1:24" ht="16.5">
      <c r="C28" s="81"/>
      <c r="D28" s="81"/>
      <c r="E28" s="81"/>
      <c r="F28" s="81"/>
      <c r="G28" s="81"/>
      <c r="H28" s="81"/>
    </row>
    <row r="29" spans="1:24" ht="18">
      <c r="C29" s="83">
        <v>1</v>
      </c>
      <c r="D29" s="84" t="s">
        <v>35</v>
      </c>
      <c r="E29" s="87"/>
      <c r="F29" s="83" t="s">
        <v>136</v>
      </c>
      <c r="G29" s="88"/>
      <c r="H29" s="81"/>
      <c r="N29" s="2"/>
    </row>
    <row r="30" spans="1:24" ht="18">
      <c r="C30" s="83">
        <v>2</v>
      </c>
      <c r="D30" s="84" t="s">
        <v>36</v>
      </c>
      <c r="E30" s="87"/>
      <c r="F30" s="83" t="s">
        <v>135</v>
      </c>
      <c r="G30" s="88"/>
      <c r="H30" s="81"/>
    </row>
    <row r="31" spans="1:24" ht="18">
      <c r="C31" s="83">
        <v>3</v>
      </c>
      <c r="D31" s="84" t="s">
        <v>37</v>
      </c>
      <c r="E31" s="87"/>
      <c r="F31" s="83" t="s">
        <v>134</v>
      </c>
      <c r="G31" s="88"/>
      <c r="H31" s="81"/>
    </row>
    <row r="32" spans="1:24" ht="18">
      <c r="C32" s="83">
        <v>4</v>
      </c>
      <c r="D32" s="84" t="s">
        <v>38</v>
      </c>
      <c r="E32" s="87"/>
      <c r="F32" s="83" t="s">
        <v>133</v>
      </c>
      <c r="G32" s="88"/>
      <c r="H32" s="81"/>
    </row>
    <row r="33" spans="3:17" ht="18">
      <c r="C33" s="83">
        <v>5</v>
      </c>
      <c r="D33" s="84" t="s">
        <v>39</v>
      </c>
      <c r="E33" s="87"/>
      <c r="F33" s="83" t="s">
        <v>132</v>
      </c>
      <c r="G33" s="88"/>
      <c r="H33" s="81"/>
    </row>
    <row r="34" spans="3:17" ht="18">
      <c r="C34" s="83">
        <v>6</v>
      </c>
      <c r="D34" s="85" t="s">
        <v>40</v>
      </c>
      <c r="E34" s="87"/>
      <c r="F34" s="83" t="s">
        <v>131</v>
      </c>
      <c r="G34" s="88"/>
      <c r="H34" s="81"/>
    </row>
    <row r="35" spans="3:17" ht="18">
      <c r="C35" s="83">
        <v>7</v>
      </c>
      <c r="D35" s="85" t="s">
        <v>41</v>
      </c>
      <c r="E35" s="87"/>
      <c r="F35" s="83" t="s">
        <v>130</v>
      </c>
      <c r="G35" s="88"/>
      <c r="H35" s="81"/>
    </row>
    <row r="36" spans="3:17" ht="18">
      <c r="C36" s="83">
        <v>8</v>
      </c>
      <c r="D36" s="84" t="s">
        <v>42</v>
      </c>
      <c r="E36" s="87"/>
      <c r="F36" s="83" t="s">
        <v>129</v>
      </c>
      <c r="G36" s="87"/>
      <c r="H36" s="81"/>
    </row>
    <row r="37" spans="3:17" ht="18">
      <c r="C37" s="83">
        <v>9</v>
      </c>
      <c r="D37" s="84" t="s">
        <v>43</v>
      </c>
      <c r="E37" s="87"/>
      <c r="F37" s="83" t="s">
        <v>128</v>
      </c>
      <c r="G37" s="87"/>
      <c r="H37" s="81"/>
    </row>
    <row r="38" spans="3:17" ht="18">
      <c r="C38" s="83">
        <v>10</v>
      </c>
      <c r="D38" s="84" t="s">
        <v>44</v>
      </c>
      <c r="E38" s="87"/>
      <c r="F38" s="83" t="s">
        <v>127</v>
      </c>
      <c r="G38" s="87"/>
      <c r="H38" s="81"/>
    </row>
    <row r="39" spans="3:17" ht="18">
      <c r="C39" s="83">
        <v>11</v>
      </c>
      <c r="D39" s="84" t="s">
        <v>45</v>
      </c>
      <c r="E39" s="87"/>
      <c r="F39" s="83" t="s">
        <v>126</v>
      </c>
      <c r="G39" s="87"/>
      <c r="H39" s="81"/>
    </row>
    <row r="40" spans="3:17" ht="18">
      <c r="C40" s="83">
        <v>12</v>
      </c>
      <c r="D40" s="84" t="s">
        <v>46</v>
      </c>
      <c r="E40" s="87"/>
      <c r="F40" s="83" t="s">
        <v>125</v>
      </c>
      <c r="G40" s="87"/>
      <c r="H40" s="81"/>
    </row>
    <row r="41" spans="3:17" ht="18">
      <c r="C41" s="83">
        <v>13</v>
      </c>
      <c r="D41" s="84" t="s">
        <v>47</v>
      </c>
      <c r="E41" s="87"/>
      <c r="F41" s="83" t="s">
        <v>124</v>
      </c>
      <c r="G41" s="87"/>
      <c r="H41" s="81"/>
    </row>
    <row r="42" spans="3:17" ht="18">
      <c r="C42" s="83">
        <v>14</v>
      </c>
      <c r="D42" s="84" t="s">
        <v>48</v>
      </c>
      <c r="E42" s="87"/>
      <c r="F42" s="83" t="s">
        <v>123</v>
      </c>
      <c r="G42" s="87"/>
      <c r="H42" s="81"/>
    </row>
    <row r="43" spans="3:17" ht="18">
      <c r="C43" s="83">
        <v>15</v>
      </c>
      <c r="D43" s="84" t="s">
        <v>49</v>
      </c>
      <c r="E43" s="87"/>
      <c r="F43" s="83" t="s">
        <v>122</v>
      </c>
      <c r="G43" s="87"/>
      <c r="H43" s="81"/>
      <c r="Q43" s="1"/>
    </row>
    <row r="44" spans="3:17" ht="18">
      <c r="C44" s="83">
        <v>16</v>
      </c>
      <c r="D44" s="84" t="s">
        <v>50</v>
      </c>
      <c r="E44" s="87"/>
      <c r="F44" s="83" t="s">
        <v>121</v>
      </c>
      <c r="G44" s="87"/>
      <c r="H44" s="81"/>
      <c r="Q44" s="1"/>
    </row>
    <row r="45" spans="3:17" ht="18">
      <c r="C45" s="83">
        <v>17</v>
      </c>
      <c r="D45" s="84" t="s">
        <v>51</v>
      </c>
      <c r="E45" s="87"/>
      <c r="F45" s="83" t="s">
        <v>120</v>
      </c>
      <c r="G45" s="87"/>
      <c r="H45" s="81"/>
      <c r="Q45" s="1"/>
    </row>
    <row r="46" spans="3:17" ht="18">
      <c r="C46" s="83">
        <v>18</v>
      </c>
      <c r="D46" s="84" t="s">
        <v>52</v>
      </c>
      <c r="E46" s="87"/>
      <c r="F46" s="83" t="s">
        <v>119</v>
      </c>
      <c r="G46" s="87"/>
      <c r="H46" s="81"/>
      <c r="Q46" s="1"/>
    </row>
    <row r="47" spans="3:17" ht="18">
      <c r="C47" s="83">
        <v>19</v>
      </c>
      <c r="D47" s="84" t="s">
        <v>53</v>
      </c>
      <c r="E47" s="87"/>
      <c r="F47" s="83" t="s">
        <v>118</v>
      </c>
      <c r="G47" s="87"/>
      <c r="H47" s="81"/>
      <c r="Q47" s="1"/>
    </row>
    <row r="48" spans="3:17" ht="18">
      <c r="C48" s="83">
        <v>20</v>
      </c>
      <c r="D48" s="84" t="s">
        <v>54</v>
      </c>
      <c r="E48" s="87"/>
      <c r="F48" s="83" t="s">
        <v>117</v>
      </c>
      <c r="G48" s="87"/>
      <c r="H48" s="81"/>
      <c r="Q48" s="1"/>
    </row>
    <row r="49" spans="3:17" ht="18">
      <c r="C49" s="83">
        <v>21</v>
      </c>
      <c r="D49" s="84" t="s">
        <v>55</v>
      </c>
      <c r="E49" s="87"/>
      <c r="F49" s="83" t="s">
        <v>116</v>
      </c>
      <c r="G49" s="87"/>
      <c r="H49" s="81"/>
      <c r="Q49" s="1"/>
    </row>
    <row r="50" spans="3:17" ht="18">
      <c r="C50" s="83">
        <v>22</v>
      </c>
      <c r="D50" s="84" t="s">
        <v>56</v>
      </c>
      <c r="E50" s="87"/>
      <c r="F50" s="83" t="s">
        <v>115</v>
      </c>
      <c r="G50" s="87"/>
      <c r="H50" s="81"/>
      <c r="Q50" s="1"/>
    </row>
    <row r="51" spans="3:17" ht="18">
      <c r="C51" s="83">
        <v>23</v>
      </c>
      <c r="D51" s="84" t="s">
        <v>57</v>
      </c>
      <c r="E51" s="87"/>
      <c r="F51" s="83" t="s">
        <v>114</v>
      </c>
      <c r="G51" s="87"/>
      <c r="H51" s="81"/>
      <c r="Q51" s="1"/>
    </row>
    <row r="52" spans="3:17" ht="18">
      <c r="C52" s="83">
        <v>24</v>
      </c>
      <c r="D52" s="84" t="s">
        <v>58</v>
      </c>
      <c r="E52" s="87"/>
      <c r="F52" s="83" t="s">
        <v>113</v>
      </c>
      <c r="G52" s="87"/>
      <c r="H52" s="81"/>
      <c r="Q52" s="1"/>
    </row>
    <row r="53" spans="3:17" ht="18">
      <c r="C53" s="83">
        <v>25</v>
      </c>
      <c r="D53" s="84" t="s">
        <v>59</v>
      </c>
      <c r="E53" s="87"/>
      <c r="F53" s="83" t="s">
        <v>112</v>
      </c>
      <c r="G53" s="87"/>
      <c r="H53" s="81"/>
      <c r="Q53" s="1"/>
    </row>
    <row r="54" spans="3:17" ht="18">
      <c r="C54" s="83">
        <v>26</v>
      </c>
      <c r="D54" s="84" t="s">
        <v>60</v>
      </c>
      <c r="E54" s="87"/>
      <c r="F54" s="83" t="s">
        <v>111</v>
      </c>
      <c r="G54" s="87"/>
      <c r="H54" s="81"/>
      <c r="Q54" s="1"/>
    </row>
    <row r="55" spans="3:17" ht="18">
      <c r="C55" s="83">
        <v>27</v>
      </c>
      <c r="D55" s="84" t="s">
        <v>61</v>
      </c>
      <c r="E55" s="87"/>
      <c r="F55" s="83" t="s">
        <v>110</v>
      </c>
      <c r="G55" s="87"/>
      <c r="H55" s="81"/>
      <c r="Q55" s="1"/>
    </row>
    <row r="56" spans="3:17" ht="18">
      <c r="C56" s="83">
        <v>28</v>
      </c>
      <c r="D56" s="84" t="s">
        <v>62</v>
      </c>
      <c r="E56" s="87"/>
      <c r="F56" s="83" t="s">
        <v>109</v>
      </c>
      <c r="G56" s="87"/>
      <c r="H56" s="81"/>
      <c r="Q56" s="1"/>
    </row>
    <row r="57" spans="3:17" ht="18">
      <c r="C57" s="83">
        <v>29</v>
      </c>
      <c r="D57" s="84" t="s">
        <v>63</v>
      </c>
      <c r="E57" s="87"/>
      <c r="F57" s="83" t="s">
        <v>108</v>
      </c>
      <c r="G57" s="87"/>
      <c r="H57" s="81"/>
      <c r="Q57" s="1"/>
    </row>
    <row r="58" spans="3:17" ht="18">
      <c r="C58" s="83">
        <v>30</v>
      </c>
      <c r="D58" s="84" t="s">
        <v>64</v>
      </c>
      <c r="E58" s="87"/>
      <c r="F58" s="83" t="s">
        <v>107</v>
      </c>
      <c r="G58" s="87"/>
      <c r="H58" s="81"/>
      <c r="Q58" s="1"/>
    </row>
    <row r="59" spans="3:17" ht="18">
      <c r="C59" s="83">
        <v>31</v>
      </c>
      <c r="D59" s="84" t="s">
        <v>65</v>
      </c>
      <c r="E59" s="87"/>
      <c r="F59" s="83" t="s">
        <v>106</v>
      </c>
      <c r="G59" s="87"/>
      <c r="H59" s="81"/>
      <c r="Q59" s="1"/>
    </row>
    <row r="60" spans="3:17" ht="18">
      <c r="C60" s="83">
        <v>32</v>
      </c>
      <c r="D60" s="84" t="s">
        <v>66</v>
      </c>
      <c r="E60" s="87"/>
      <c r="F60" s="83" t="s">
        <v>105</v>
      </c>
      <c r="G60" s="87"/>
      <c r="H60" s="81"/>
      <c r="Q60" s="1"/>
    </row>
    <row r="61" spans="3:17" ht="18">
      <c r="C61" s="83">
        <v>33</v>
      </c>
      <c r="D61" s="84" t="s">
        <v>67</v>
      </c>
      <c r="E61" s="87"/>
      <c r="F61" s="83"/>
      <c r="G61" s="87"/>
      <c r="H61" s="81"/>
      <c r="Q61" s="1"/>
    </row>
    <row r="62" spans="3:17" ht="18">
      <c r="C62" s="83">
        <v>34</v>
      </c>
      <c r="D62" s="84" t="s">
        <v>68</v>
      </c>
      <c r="E62" s="87"/>
      <c r="F62" s="83"/>
      <c r="G62" s="87"/>
      <c r="H62" s="81"/>
      <c r="Q62" s="1"/>
    </row>
    <row r="63" spans="3:17" ht="18">
      <c r="C63" s="83">
        <v>35</v>
      </c>
      <c r="D63" s="84" t="s">
        <v>69</v>
      </c>
      <c r="E63" s="87"/>
      <c r="F63" s="83"/>
      <c r="G63" s="87"/>
      <c r="H63" s="81"/>
      <c r="Q63" s="1"/>
    </row>
    <row r="64" spans="3:17" ht="18">
      <c r="C64" s="83">
        <v>36</v>
      </c>
      <c r="D64" s="84" t="s">
        <v>70</v>
      </c>
      <c r="E64" s="87"/>
      <c r="F64" s="83"/>
      <c r="G64" s="87"/>
      <c r="H64" s="81"/>
      <c r="Q64" s="1"/>
    </row>
    <row r="65" spans="3:17" ht="18">
      <c r="C65" s="83">
        <v>37</v>
      </c>
      <c r="D65" s="84" t="s">
        <v>71</v>
      </c>
      <c r="E65" s="87"/>
      <c r="F65" s="87"/>
      <c r="G65" s="87"/>
      <c r="H65" s="81"/>
      <c r="Q65" s="1"/>
    </row>
    <row r="66" spans="3:17" ht="18">
      <c r="C66" s="83">
        <v>38</v>
      </c>
      <c r="D66" s="84" t="s">
        <v>72</v>
      </c>
      <c r="E66" s="87"/>
      <c r="F66" s="87"/>
      <c r="G66" s="87"/>
      <c r="H66" s="81"/>
      <c r="Q66" s="1"/>
    </row>
    <row r="67" spans="3:17" ht="18">
      <c r="C67" s="83">
        <v>39</v>
      </c>
      <c r="D67" s="84" t="s">
        <v>73</v>
      </c>
      <c r="E67" s="87"/>
      <c r="F67" s="87"/>
      <c r="G67" s="87"/>
      <c r="H67" s="81"/>
      <c r="Q67" s="1"/>
    </row>
    <row r="68" spans="3:17" ht="18">
      <c r="C68" s="83">
        <v>40</v>
      </c>
      <c r="D68" s="84" t="s">
        <v>74</v>
      </c>
      <c r="E68" s="87"/>
      <c r="F68" s="87"/>
      <c r="G68" s="87"/>
      <c r="H68" s="81"/>
      <c r="Q68" s="1"/>
    </row>
    <row r="69" spans="3:17" ht="18">
      <c r="C69" s="83">
        <v>41</v>
      </c>
      <c r="D69" s="84" t="s">
        <v>75</v>
      </c>
      <c r="E69" s="87"/>
      <c r="F69" s="87"/>
      <c r="G69" s="87"/>
      <c r="H69" s="81"/>
      <c r="Q69" s="1"/>
    </row>
    <row r="70" spans="3:17" ht="18">
      <c r="C70" s="83">
        <v>42</v>
      </c>
      <c r="D70" s="84" t="s">
        <v>76</v>
      </c>
      <c r="E70" s="87"/>
      <c r="F70" s="87"/>
      <c r="G70" s="87"/>
      <c r="H70" s="81"/>
      <c r="Q70" s="1"/>
    </row>
    <row r="71" spans="3:17" ht="18">
      <c r="C71" s="83">
        <v>43</v>
      </c>
      <c r="D71" s="84" t="s">
        <v>77</v>
      </c>
      <c r="E71" s="87"/>
      <c r="F71" s="87"/>
      <c r="G71" s="87"/>
      <c r="H71" s="81"/>
      <c r="Q71" s="1"/>
    </row>
    <row r="72" spans="3:17" ht="18">
      <c r="C72" s="83">
        <v>44</v>
      </c>
      <c r="D72" s="84" t="s">
        <v>78</v>
      </c>
      <c r="E72" s="87"/>
      <c r="F72" s="87"/>
      <c r="G72" s="87"/>
      <c r="H72" s="81"/>
      <c r="Q72" s="1"/>
    </row>
    <row r="73" spans="3:17" ht="18">
      <c r="C73" s="83">
        <v>45</v>
      </c>
      <c r="D73" s="84" t="s">
        <v>79</v>
      </c>
      <c r="E73" s="87"/>
      <c r="F73" s="87"/>
      <c r="G73" s="87"/>
      <c r="H73" s="81"/>
      <c r="Q73" s="1"/>
    </row>
    <row r="74" spans="3:17" ht="18">
      <c r="C74" s="83">
        <v>46</v>
      </c>
      <c r="D74" s="84" t="s">
        <v>80</v>
      </c>
      <c r="E74" s="87"/>
      <c r="F74" s="87"/>
      <c r="G74" s="87"/>
      <c r="H74" s="81"/>
      <c r="Q74" s="1"/>
    </row>
    <row r="75" spans="3:17" ht="18">
      <c r="C75" s="83">
        <v>47</v>
      </c>
      <c r="D75" s="84" t="s">
        <v>81</v>
      </c>
      <c r="E75" s="87"/>
      <c r="F75" s="87"/>
      <c r="G75" s="87"/>
      <c r="H75" s="81"/>
      <c r="Q75" s="1"/>
    </row>
    <row r="76" spans="3:17">
      <c r="Q76" s="1"/>
    </row>
    <row r="77" spans="3:17">
      <c r="Q77" s="1"/>
    </row>
    <row r="78" spans="3:17">
      <c r="Q78" s="1"/>
    </row>
    <row r="79" spans="3:17">
      <c r="Q79" s="1"/>
    </row>
  </sheetData>
  <dataConsolidate/>
  <mergeCells count="2">
    <mergeCell ref="V2:W2"/>
    <mergeCell ref="T2:U2"/>
  </mergeCells>
  <phoneticPr fontId="1"/>
  <dataValidations count="15">
    <dataValidation type="list" allowBlank="1" showInputMessage="1" showErrorMessage="1" errorTitle="ドロップダウンリストより選択してください" promptTitle="BCPの策定状況について" prompt="対象施設についてBCP（事業継続計画）を策定されている場合は「有」を指定されていなければ「無」を選択してください。" sqref="S5">
      <formula1>"有,無"</formula1>
    </dataValidation>
    <dataValidation type="list" allowBlank="1" showInputMessage="1" showErrorMessage="1" errorTitle="ドロップダウンリストより選択してください" promptTitle="福祉避難所の指定状況について" prompt="対象施設について福祉避難所に指定されている場合は「有」を指定されていなければ「無」を選択してください。" sqref="S6:S18 S4">
      <formula1>"有,無"</formula1>
    </dataValidation>
    <dataValidation showInputMessage="1" showErrorMessage="1" errorTitle="ドロップダウンリストより選択してください" promptTitle="交付予定額の入力" prompt="交付基準単価と実支出（予定）額のいずれか低い方を千円単位切り捨てで入力してください。" sqref="O4:O18"/>
    <dataValidation showInputMessage="1" showErrorMessage="1" errorTitle="ドロップダウンリストより選択してください" promptTitle="千円単位" prompt="千円単位で記載してください" sqref="K4:M18"/>
    <dataValidation allowBlank="1" showErrorMessage="1" promptTitle="年月日を記載してください" prompt="書式設定を変更せずに、年月日を記載してください" sqref="X4:X18"/>
    <dataValidation allowBlank="1" showInputMessage="1" showErrorMessage="1" promptTitle="市町村名について" prompt="都道府県においては施設の所在市区町村名を記入してください。市区町村においては自治体名を記入してください。" sqref="E4:E18"/>
    <dataValidation showErrorMessage="1" errorTitle="ドロップダウンリストより選択してください" promptTitle="地方負担額の入力" prompt="非常用自家発電整備事業に該当しかつ、国の補助率10/10（定額）を超えた部分について地方負担をしている場合は、その金額を入力してください。_x000a_千円未満は、小数点以下で入力てください。_x000a_（123,456円→123.456）" sqref="P4:P18"/>
    <dataValidation type="list" allowBlank="1" showInputMessage="1" showErrorMessage="1" promptTitle="ドロップダウンリストより選択してください" sqref="G4:G18">
      <formula1>$F$29:$F$60</formula1>
    </dataValidation>
    <dataValidation showInputMessage="1" showErrorMessage="1" errorTitle="ドロップダウンリストより選択してください" promptTitle="総事業費の1/2" prompt="総事業費の1/2を千円単位で入力してください" sqref="N4:N18"/>
    <dataValidation allowBlank="1" showErrorMessage="1" promptTitle="内示を受ける自治体名" prompt="事業実施主体となる自治体名を記入ください。内示は記入いただいた自治体宛となります。（補助対象施設種別との整合性に注意ください）" sqref="F4:F18"/>
    <dataValidation type="list" allowBlank="1" showInputMessage="1" showErrorMessage="1" errorTitle="ドロップダウンリストより選択してください" promptTitle="非常災害対策計画の作成について" prompt="対象施設について非常災害対策計画を作成している場合は「作成済み」を作成を見込んでいる（具体的な期間が見込めている場合）は「作成見込み」を、未作成であれば「未作成」を選択してください。_x000a_＊見込みの場合は右欄に具体的な日付を記載ください。" sqref="V4:V18">
      <formula1>"作成済み,作成見込み,未作成"</formula1>
    </dataValidation>
    <dataValidation allowBlank="1" showInputMessage="1" showErrorMessage="1" promptTitle="作成時期について" prompt="非常災害対策計画において「作成見込み」と回答した場合、具体的な日付を明記してください。" sqref="W4:W18"/>
    <dataValidation type="list" showInputMessage="1" showErrorMessage="1" errorTitle="ドロップダウンリストより選択してください" promptTitle="国土強靭化地域計画への明記" prompt="国土強靭化地域計画への明記がある場合は、ドロップダウンリストより「有」、無ければ「無」を選択してください" sqref="R4:R18">
      <formula1>"有,無"</formula1>
    </dataValidation>
    <dataValidation type="list" allowBlank="1" showInputMessage="1" showErrorMessage="1" errorTitle="ドロップダウンリストより選択してください" promptTitle="業務継続計画（BCP)の作成について" prompt="対象施設についてBCPを作成している場合は「作成済み」を作成を見込んでいる（具体的な期間が見込めている場合）は「作成見込み」を、未作成であれば「未作成」を選択してください。_x000a_＊見込みの場合は右欄に具体的な日付を記載ください。" sqref="T4:T18">
      <formula1>"作成済み,作成見込み,未作成"</formula1>
    </dataValidation>
    <dataValidation allowBlank="1" showInputMessage="1" showErrorMessage="1" promptTitle="作成時期について" prompt="業務継続計画（BCP)において「作成見込み」と回答した場合、具体的な日付を明記してください。" sqref="U4:U18"/>
  </dataValidations>
  <pageMargins left="0.93" right="0.16" top="0.74803149606299213" bottom="0.74803149606299213" header="0.31496062992125984" footer="0.31496062992125984"/>
  <pageSetup paperSize="8" scale="54"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0</vt:i4>
      </vt:variant>
      <vt:variant>
        <vt:lpstr>名前付き一覧</vt:lpstr>
      </vt:variant>
      <vt:variant>
        <vt:i4>10</vt:i4>
      </vt:variant>
    </vt:vector>
  </HeadingPairs>
  <TitlesOfParts>
    <vt:vector size="20" baseType="lpstr">
      <vt:lpstr>防災改修（耐震化) </vt:lpstr>
      <vt:lpstr>防災改修（大規模修繕) </vt:lpstr>
      <vt:lpstr>防災改修（自家発)</vt:lpstr>
      <vt:lpstr>防災改修 (水害対策事業)</vt:lpstr>
      <vt:lpstr>水害対策（広域型）</vt:lpstr>
      <vt:lpstr>非常用自家発電</vt:lpstr>
      <vt:lpstr>社会福祉連携推進法人等による大規模修繕</vt:lpstr>
      <vt:lpstr>給水設備</vt:lpstr>
      <vt:lpstr>ブロック塀</vt:lpstr>
      <vt:lpstr>換気設備</vt:lpstr>
      <vt:lpstr>ブロック塀!Print_Area</vt:lpstr>
      <vt:lpstr>換気設備!Print_Area</vt:lpstr>
      <vt:lpstr>給水設備!Print_Area</vt:lpstr>
      <vt:lpstr>社会福祉連携推進法人等による大規模修繕!Print_Area</vt:lpstr>
      <vt:lpstr>'水害対策（広域型）'!Print_Area</vt:lpstr>
      <vt:lpstr>非常用自家発電!Print_Area</vt:lpstr>
      <vt:lpstr>'防災改修 (水害対策事業)'!Print_Area</vt:lpstr>
      <vt:lpstr>'防災改修（自家発)'!Print_Area</vt:lpstr>
      <vt:lpstr>'防災改修（耐震化) '!Print_Area</vt:lpstr>
      <vt:lpstr>'防災改修（大規模修繕) '!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大塚　香菜子</cp:lastModifiedBy>
  <cp:lastPrinted>2023-10-25T01:27:01Z</cp:lastPrinted>
  <dcterms:created xsi:type="dcterms:W3CDTF">2013-12-09T05:07:26Z</dcterms:created>
  <dcterms:modified xsi:type="dcterms:W3CDTF">2024-05-07T05:21:47Z</dcterms:modified>
</cp:coreProperties>
</file>